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891" r:id="rId4"/>
  </p:sldMasterIdLst>
  <p:notesMasterIdLst>
    <p:notesMasterId r:id="rId17"/>
  </p:notesMasterIdLst>
  <p:sldIdLst>
    <p:sldId id="256" r:id="rId5"/>
    <p:sldId id="558" r:id="rId6"/>
    <p:sldId id="559" r:id="rId7"/>
    <p:sldId id="562" r:id="rId8"/>
    <p:sldId id="563" r:id="rId9"/>
    <p:sldId id="564" r:id="rId10"/>
    <p:sldId id="565" r:id="rId11"/>
    <p:sldId id="568" r:id="rId12"/>
    <p:sldId id="570" r:id="rId13"/>
    <p:sldId id="571" r:id="rId14"/>
    <p:sldId id="572" r:id="rId15"/>
    <p:sldId id="566" r:id="rId16"/>
  </p:sldIdLst>
  <p:sldSz cx="12192000" cy="6858000"/>
  <p:notesSz cx="6858000" cy="9144000"/>
  <p:custDataLst>
    <p:tags r:id="rId18"/>
  </p:custDataLst>
  <p:defaultTextStyle>
    <a:defPPr>
      <a:defRPr lang="de-DE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333333"/>
    <a:srgbClr val="4D4D4D"/>
    <a:srgbClr val="777777"/>
    <a:srgbClr val="969696"/>
    <a:srgbClr val="C0C0C0"/>
    <a:srgbClr val="808080"/>
    <a:srgbClr val="B2B2B2"/>
    <a:srgbClr val="5F5F5F"/>
    <a:srgbClr val="EAEAEA"/>
    <a:srgbClr val="DDDDD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F2B841CB-575E-4DFA-A316-C09C94055B3C}" v="269" dt="2025-01-06T18:15:36.753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2" autoAdjust="0"/>
    <p:restoredTop sz="90349" autoAdjust="0"/>
  </p:normalViewPr>
  <p:slideViewPr>
    <p:cSldViewPr snapToGrid="0" showGuides="1">
      <p:cViewPr>
        <p:scale>
          <a:sx n="66" d="100"/>
          <a:sy n="66" d="100"/>
        </p:scale>
        <p:origin x="2196" y="738"/>
      </p:cViewPr>
      <p:guideLst/>
    </p:cSldViewPr>
  </p:slideViewPr>
  <p:notesTextViewPr>
    <p:cViewPr>
      <p:scale>
        <a:sx n="3" d="2"/>
        <a:sy n="3" d="2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 showGuides="1">
      <p:cViewPr varScale="1">
        <p:scale>
          <a:sx n="84" d="100"/>
          <a:sy n="84" d="100"/>
        </p:scale>
        <p:origin x="3828" y="102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tags" Target="tags/tag1.xml"/><Relationship Id="rId3" Type="http://schemas.openxmlformats.org/officeDocument/2006/relationships/customXml" Target="../customXml/item3.xml"/><Relationship Id="rId21" Type="http://schemas.openxmlformats.org/officeDocument/2006/relationships/theme" Target="theme/theme1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notesMaster" Target="notesMasters/notesMaster1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microsoft.com/office/2015/10/relationships/revisionInfo" Target="revisionInfo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microsoft.com/office/2016/11/relationships/changesInfo" Target="changesInfos/changesInfo1.xml"/><Relationship Id="rId10" Type="http://schemas.openxmlformats.org/officeDocument/2006/relationships/slide" Target="slides/slide6.xml"/><Relationship Id="rId19" Type="http://schemas.openxmlformats.org/officeDocument/2006/relationships/presProps" Target="pres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tableStyles" Target="tableStyles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Pappe, Paolo" userId="ed1345b5-d0a8-4179-84e6-11e8d8f75956" providerId="ADAL" clId="{F2B841CB-575E-4DFA-A316-C09C94055B3C}"/>
    <pc:docChg chg="custSel addSld delSld modSld sldOrd">
      <pc:chgData name="Pappe, Paolo" userId="ed1345b5-d0a8-4179-84e6-11e8d8f75956" providerId="ADAL" clId="{F2B841CB-575E-4DFA-A316-C09C94055B3C}" dt="2025-01-06T18:18:42.747" v="2472" actId="47"/>
      <pc:docMkLst>
        <pc:docMk/>
      </pc:docMkLst>
      <pc:sldChg chg="modSp mod">
        <pc:chgData name="Pappe, Paolo" userId="ed1345b5-d0a8-4179-84e6-11e8d8f75956" providerId="ADAL" clId="{F2B841CB-575E-4DFA-A316-C09C94055B3C}" dt="2025-01-06T16:44:46.526" v="845" actId="20577"/>
        <pc:sldMkLst>
          <pc:docMk/>
          <pc:sldMk cId="315178068" sldId="256"/>
        </pc:sldMkLst>
        <pc:spChg chg="mod">
          <ac:chgData name="Pappe, Paolo" userId="ed1345b5-d0a8-4179-84e6-11e8d8f75956" providerId="ADAL" clId="{F2B841CB-575E-4DFA-A316-C09C94055B3C}" dt="2025-01-06T16:44:20.294" v="820" actId="20577"/>
          <ac:spMkLst>
            <pc:docMk/>
            <pc:sldMk cId="315178068" sldId="256"/>
            <ac:spMk id="2" creationId="{E3D4637A-2CF8-49DC-B5FD-35CEB8C83BE0}"/>
          </ac:spMkLst>
        </pc:spChg>
        <pc:spChg chg="mod">
          <ac:chgData name="Pappe, Paolo" userId="ed1345b5-d0a8-4179-84e6-11e8d8f75956" providerId="ADAL" clId="{F2B841CB-575E-4DFA-A316-C09C94055B3C}" dt="2025-01-06T16:44:46.526" v="845" actId="20577"/>
          <ac:spMkLst>
            <pc:docMk/>
            <pc:sldMk cId="315178068" sldId="256"/>
            <ac:spMk id="36" creationId="{A6916605-ACBA-405B-8BF0-C780CDBFDA14}"/>
          </ac:spMkLst>
        </pc:spChg>
      </pc:sldChg>
      <pc:sldChg chg="addSp modSp mod">
        <pc:chgData name="Pappe, Paolo" userId="ed1345b5-d0a8-4179-84e6-11e8d8f75956" providerId="ADAL" clId="{F2B841CB-575E-4DFA-A316-C09C94055B3C}" dt="2025-01-06T18:13:15.651" v="2389" actId="20577"/>
        <pc:sldMkLst>
          <pc:docMk/>
          <pc:sldMk cId="277676375" sldId="558"/>
        </pc:sldMkLst>
        <pc:spChg chg="mod">
          <ac:chgData name="Pappe, Paolo" userId="ed1345b5-d0a8-4179-84e6-11e8d8f75956" providerId="ADAL" clId="{F2B841CB-575E-4DFA-A316-C09C94055B3C}" dt="2025-01-06T16:10:01.414" v="818" actId="20577"/>
          <ac:spMkLst>
            <pc:docMk/>
            <pc:sldMk cId="277676375" sldId="558"/>
            <ac:spMk id="2" creationId="{EC43AB3E-61F6-F648-56A7-0C1C42A7725D}"/>
          </ac:spMkLst>
        </pc:spChg>
        <pc:spChg chg="mod">
          <ac:chgData name="Pappe, Paolo" userId="ed1345b5-d0a8-4179-84e6-11e8d8f75956" providerId="ADAL" clId="{F2B841CB-575E-4DFA-A316-C09C94055B3C}" dt="2025-01-06T18:13:15.651" v="2389" actId="20577"/>
          <ac:spMkLst>
            <pc:docMk/>
            <pc:sldMk cId="277676375" sldId="558"/>
            <ac:spMk id="3" creationId="{DAC442C5-C6C0-5B36-E387-7D06E5D5398B}"/>
          </ac:spMkLst>
        </pc:spChg>
        <pc:picChg chg="add mod">
          <ac:chgData name="Pappe, Paolo" userId="ed1345b5-d0a8-4179-84e6-11e8d8f75956" providerId="ADAL" clId="{F2B841CB-575E-4DFA-A316-C09C94055B3C}" dt="2025-01-06T16:46:06.516" v="854"/>
          <ac:picMkLst>
            <pc:docMk/>
            <pc:sldMk cId="277676375" sldId="558"/>
            <ac:picMk id="4" creationId="{927DD4AD-28C0-B5E9-7317-A6C484CBBC68}"/>
          </ac:picMkLst>
        </pc:picChg>
        <pc:picChg chg="add mod">
          <ac:chgData name="Pappe, Paolo" userId="ed1345b5-d0a8-4179-84e6-11e8d8f75956" providerId="ADAL" clId="{F2B841CB-575E-4DFA-A316-C09C94055B3C}" dt="2025-01-06T16:46:06.949" v="855"/>
          <ac:picMkLst>
            <pc:docMk/>
            <pc:sldMk cId="277676375" sldId="558"/>
            <ac:picMk id="5" creationId="{BAAA82B2-B0AD-4108-98B0-D80482739C20}"/>
          </ac:picMkLst>
        </pc:picChg>
        <pc:picChg chg="add mod">
          <ac:chgData name="Pappe, Paolo" userId="ed1345b5-d0a8-4179-84e6-11e8d8f75956" providerId="ADAL" clId="{F2B841CB-575E-4DFA-A316-C09C94055B3C}" dt="2025-01-06T16:46:05.090" v="853" actId="1076"/>
          <ac:picMkLst>
            <pc:docMk/>
            <pc:sldMk cId="277676375" sldId="558"/>
            <ac:picMk id="1026" creationId="{E940D285-D632-C861-85EF-F61F2FAF3208}"/>
          </ac:picMkLst>
        </pc:picChg>
      </pc:sldChg>
      <pc:sldChg chg="addSp delSp modSp mod">
        <pc:chgData name="Pappe, Paolo" userId="ed1345b5-d0a8-4179-84e6-11e8d8f75956" providerId="ADAL" clId="{F2B841CB-575E-4DFA-A316-C09C94055B3C}" dt="2025-01-06T18:13:41.140" v="2399" actId="20577"/>
        <pc:sldMkLst>
          <pc:docMk/>
          <pc:sldMk cId="2134047014" sldId="559"/>
        </pc:sldMkLst>
        <pc:spChg chg="del">
          <ac:chgData name="Pappe, Paolo" userId="ed1345b5-d0a8-4179-84e6-11e8d8f75956" providerId="ADAL" clId="{F2B841CB-575E-4DFA-A316-C09C94055B3C}" dt="2025-01-06T16:46:28.902" v="856" actId="478"/>
          <ac:spMkLst>
            <pc:docMk/>
            <pc:sldMk cId="2134047014" sldId="559"/>
            <ac:spMk id="2" creationId="{C0B32CF4-B472-144E-D8A4-0A5A56FA5548}"/>
          </ac:spMkLst>
        </pc:spChg>
        <pc:spChg chg="mod">
          <ac:chgData name="Pappe, Paolo" userId="ed1345b5-d0a8-4179-84e6-11e8d8f75956" providerId="ADAL" clId="{F2B841CB-575E-4DFA-A316-C09C94055B3C}" dt="2025-01-06T18:13:41.140" v="2399" actId="20577"/>
          <ac:spMkLst>
            <pc:docMk/>
            <pc:sldMk cId="2134047014" sldId="559"/>
            <ac:spMk id="3" creationId="{1F5122A6-AF1B-979C-9EF8-DE28CD44041C}"/>
          </ac:spMkLst>
        </pc:spChg>
        <pc:spChg chg="add del mod">
          <ac:chgData name="Pappe, Paolo" userId="ed1345b5-d0a8-4179-84e6-11e8d8f75956" providerId="ADAL" clId="{F2B841CB-575E-4DFA-A316-C09C94055B3C}" dt="2025-01-06T16:46:33.207" v="857" actId="478"/>
          <ac:spMkLst>
            <pc:docMk/>
            <pc:sldMk cId="2134047014" sldId="559"/>
            <ac:spMk id="5" creationId="{F0CCBBE5-F9C4-67F1-AC7D-1D5D28576C40}"/>
          </ac:spMkLst>
        </pc:spChg>
        <pc:spChg chg="add del mod">
          <ac:chgData name="Pappe, Paolo" userId="ed1345b5-d0a8-4179-84e6-11e8d8f75956" providerId="ADAL" clId="{F2B841CB-575E-4DFA-A316-C09C94055B3C}" dt="2025-01-06T17:12:02.705" v="1113"/>
          <ac:spMkLst>
            <pc:docMk/>
            <pc:sldMk cId="2134047014" sldId="559"/>
            <ac:spMk id="7" creationId="{C70E40D4-CD80-F9E0-5255-A1138263A7F6}"/>
          </ac:spMkLst>
        </pc:spChg>
        <pc:graphicFrameChg chg="add mod modGraphic">
          <ac:chgData name="Pappe, Paolo" userId="ed1345b5-d0a8-4179-84e6-11e8d8f75956" providerId="ADAL" clId="{F2B841CB-575E-4DFA-A316-C09C94055B3C}" dt="2025-01-06T17:11:41.137" v="1080" actId="1076"/>
          <ac:graphicFrameMkLst>
            <pc:docMk/>
            <pc:sldMk cId="2134047014" sldId="559"/>
            <ac:graphicFrameMk id="6" creationId="{5F8360A2-7199-44A5-E407-C82468BEBC23}"/>
          </ac:graphicFrameMkLst>
        </pc:graphicFrameChg>
      </pc:sldChg>
      <pc:sldChg chg="del">
        <pc:chgData name="Pappe, Paolo" userId="ed1345b5-d0a8-4179-84e6-11e8d8f75956" providerId="ADAL" clId="{F2B841CB-575E-4DFA-A316-C09C94055B3C}" dt="2025-01-06T18:18:37.172" v="2471" actId="47"/>
        <pc:sldMkLst>
          <pc:docMk/>
          <pc:sldMk cId="240633395" sldId="560"/>
        </pc:sldMkLst>
      </pc:sldChg>
      <pc:sldChg chg="del">
        <pc:chgData name="Pappe, Paolo" userId="ed1345b5-d0a8-4179-84e6-11e8d8f75956" providerId="ADAL" clId="{F2B841CB-575E-4DFA-A316-C09C94055B3C}" dt="2025-01-06T18:18:42.747" v="2472" actId="47"/>
        <pc:sldMkLst>
          <pc:docMk/>
          <pc:sldMk cId="2700261270" sldId="561"/>
        </pc:sldMkLst>
      </pc:sldChg>
      <pc:sldChg chg="addSp delSp modSp add mod">
        <pc:chgData name="Pappe, Paolo" userId="ed1345b5-d0a8-4179-84e6-11e8d8f75956" providerId="ADAL" clId="{F2B841CB-575E-4DFA-A316-C09C94055B3C}" dt="2025-01-06T18:13:51.181" v="2408" actId="6549"/>
        <pc:sldMkLst>
          <pc:docMk/>
          <pc:sldMk cId="992520410" sldId="562"/>
        </pc:sldMkLst>
        <pc:spChg chg="add mod">
          <ac:chgData name="Pappe, Paolo" userId="ed1345b5-d0a8-4179-84e6-11e8d8f75956" providerId="ADAL" clId="{F2B841CB-575E-4DFA-A316-C09C94055B3C}" dt="2025-01-06T17:13:44.157" v="1263" actId="1076"/>
          <ac:spMkLst>
            <pc:docMk/>
            <pc:sldMk cId="992520410" sldId="562"/>
            <ac:spMk id="2" creationId="{D3B3A2E1-E853-9923-269B-BFA8010F3F53}"/>
          </ac:spMkLst>
        </pc:spChg>
        <pc:spChg chg="mod">
          <ac:chgData name="Pappe, Paolo" userId="ed1345b5-d0a8-4179-84e6-11e8d8f75956" providerId="ADAL" clId="{F2B841CB-575E-4DFA-A316-C09C94055B3C}" dt="2025-01-06T18:13:51.181" v="2408" actId="6549"/>
          <ac:spMkLst>
            <pc:docMk/>
            <pc:sldMk cId="992520410" sldId="562"/>
            <ac:spMk id="3" creationId="{C579ADED-9770-6067-9E7F-773260244945}"/>
          </ac:spMkLst>
        </pc:spChg>
        <pc:spChg chg="add mod">
          <ac:chgData name="Pappe, Paolo" userId="ed1345b5-d0a8-4179-84e6-11e8d8f75956" providerId="ADAL" clId="{F2B841CB-575E-4DFA-A316-C09C94055B3C}" dt="2025-01-06T17:14:51.605" v="1382" actId="20577"/>
          <ac:spMkLst>
            <pc:docMk/>
            <pc:sldMk cId="992520410" sldId="562"/>
            <ac:spMk id="4" creationId="{ABE18E3D-C418-2675-BFBD-EA0CE407BF57}"/>
          </ac:spMkLst>
        </pc:spChg>
        <pc:graphicFrameChg chg="mod">
          <ac:chgData name="Pappe, Paolo" userId="ed1345b5-d0a8-4179-84e6-11e8d8f75956" providerId="ADAL" clId="{F2B841CB-575E-4DFA-A316-C09C94055B3C}" dt="2025-01-06T17:14:04.756" v="1279" actId="20577"/>
          <ac:graphicFrameMkLst>
            <pc:docMk/>
            <pc:sldMk cId="992520410" sldId="562"/>
            <ac:graphicFrameMk id="6" creationId="{9E4EB0B0-C4C4-7CEE-C635-4246BC0F2D4A}"/>
          </ac:graphicFrameMkLst>
        </pc:graphicFrameChg>
        <pc:picChg chg="add del mod">
          <ac:chgData name="Pappe, Paolo" userId="ed1345b5-d0a8-4179-84e6-11e8d8f75956" providerId="ADAL" clId="{F2B841CB-575E-4DFA-A316-C09C94055B3C}" dt="2025-01-06T17:22:54.886" v="1388" actId="478"/>
          <ac:picMkLst>
            <pc:docMk/>
            <pc:sldMk cId="992520410" sldId="562"/>
            <ac:picMk id="7" creationId="{AEB03B6A-82F5-20F2-812E-8A553F480411}"/>
          </ac:picMkLst>
        </pc:picChg>
      </pc:sldChg>
      <pc:sldChg chg="modSp add mod">
        <pc:chgData name="Pappe, Paolo" userId="ed1345b5-d0a8-4179-84e6-11e8d8f75956" providerId="ADAL" clId="{F2B841CB-575E-4DFA-A316-C09C94055B3C}" dt="2025-01-06T18:14:03.899" v="2417" actId="6549"/>
        <pc:sldMkLst>
          <pc:docMk/>
          <pc:sldMk cId="2836852425" sldId="563"/>
        </pc:sldMkLst>
        <pc:spChg chg="mod">
          <ac:chgData name="Pappe, Paolo" userId="ed1345b5-d0a8-4179-84e6-11e8d8f75956" providerId="ADAL" clId="{F2B841CB-575E-4DFA-A316-C09C94055B3C}" dt="2025-01-06T18:14:03.899" v="2417" actId="6549"/>
          <ac:spMkLst>
            <pc:docMk/>
            <pc:sldMk cId="2836852425" sldId="563"/>
            <ac:spMk id="3" creationId="{20CC920C-9188-0726-3B8B-3CC9A8025B3D}"/>
          </ac:spMkLst>
        </pc:spChg>
      </pc:sldChg>
      <pc:sldChg chg="addSp modSp add mod">
        <pc:chgData name="Pappe, Paolo" userId="ed1345b5-d0a8-4179-84e6-11e8d8f75956" providerId="ADAL" clId="{F2B841CB-575E-4DFA-A316-C09C94055B3C}" dt="2025-01-06T18:14:17.419" v="2426" actId="6549"/>
        <pc:sldMkLst>
          <pc:docMk/>
          <pc:sldMk cId="2289137247" sldId="564"/>
        </pc:sldMkLst>
        <pc:spChg chg="mod">
          <ac:chgData name="Pappe, Paolo" userId="ed1345b5-d0a8-4179-84e6-11e8d8f75956" providerId="ADAL" clId="{F2B841CB-575E-4DFA-A316-C09C94055B3C}" dt="2025-01-06T18:14:17.419" v="2426" actId="6549"/>
          <ac:spMkLst>
            <pc:docMk/>
            <pc:sldMk cId="2289137247" sldId="564"/>
            <ac:spMk id="3" creationId="{E777FD3C-4053-BFE4-55A2-34C471D5B111}"/>
          </ac:spMkLst>
        </pc:spChg>
        <pc:spChg chg="add mod">
          <ac:chgData name="Pappe, Paolo" userId="ed1345b5-d0a8-4179-84e6-11e8d8f75956" providerId="ADAL" clId="{F2B841CB-575E-4DFA-A316-C09C94055B3C}" dt="2025-01-06T17:29:17.685" v="1692" actId="20577"/>
          <ac:spMkLst>
            <pc:docMk/>
            <pc:sldMk cId="2289137247" sldId="564"/>
            <ac:spMk id="5" creationId="{369D24AC-1BF6-5F09-DFAA-3BA767EB9C94}"/>
          </ac:spMkLst>
        </pc:spChg>
        <pc:picChg chg="mod">
          <ac:chgData name="Pappe, Paolo" userId="ed1345b5-d0a8-4179-84e6-11e8d8f75956" providerId="ADAL" clId="{F2B841CB-575E-4DFA-A316-C09C94055B3C}" dt="2025-01-06T17:23:17.543" v="1393" actId="1076"/>
          <ac:picMkLst>
            <pc:docMk/>
            <pc:sldMk cId="2289137247" sldId="564"/>
            <ac:picMk id="7" creationId="{299F0DEB-2C24-D697-2568-9C06366E0FB5}"/>
          </ac:picMkLst>
        </pc:picChg>
      </pc:sldChg>
      <pc:sldChg chg="addSp modSp add mod">
        <pc:chgData name="Pappe, Paolo" userId="ed1345b5-d0a8-4179-84e6-11e8d8f75956" providerId="ADAL" clId="{F2B841CB-575E-4DFA-A316-C09C94055B3C}" dt="2025-01-06T18:14:27.180" v="2437" actId="20577"/>
        <pc:sldMkLst>
          <pc:docMk/>
          <pc:sldMk cId="1025225854" sldId="565"/>
        </pc:sldMkLst>
        <pc:spChg chg="mod">
          <ac:chgData name="Pappe, Paolo" userId="ed1345b5-d0a8-4179-84e6-11e8d8f75956" providerId="ADAL" clId="{F2B841CB-575E-4DFA-A316-C09C94055B3C}" dt="2025-01-06T18:14:27.180" v="2437" actId="20577"/>
          <ac:spMkLst>
            <pc:docMk/>
            <pc:sldMk cId="1025225854" sldId="565"/>
            <ac:spMk id="3" creationId="{ECBB3F72-13CE-8E06-4727-E4D2538CA920}"/>
          </ac:spMkLst>
        </pc:spChg>
        <pc:picChg chg="add mod">
          <ac:chgData name="Pappe, Paolo" userId="ed1345b5-d0a8-4179-84e6-11e8d8f75956" providerId="ADAL" clId="{F2B841CB-575E-4DFA-A316-C09C94055B3C}" dt="2025-01-06T17:34:55.297" v="1697" actId="1076"/>
          <ac:picMkLst>
            <pc:docMk/>
            <pc:sldMk cId="1025225854" sldId="565"/>
            <ac:picMk id="9" creationId="{E6FBB6BF-BD36-ACB8-74FC-39B4FF086A28}"/>
          </ac:picMkLst>
        </pc:picChg>
      </pc:sldChg>
      <pc:sldChg chg="delSp modSp add mod ord">
        <pc:chgData name="Pappe, Paolo" userId="ed1345b5-d0a8-4179-84e6-11e8d8f75956" providerId="ADAL" clId="{F2B841CB-575E-4DFA-A316-C09C94055B3C}" dt="2025-01-06T17:37:44.629" v="1863"/>
        <pc:sldMkLst>
          <pc:docMk/>
          <pc:sldMk cId="3469642920" sldId="566"/>
        </pc:sldMkLst>
        <pc:spChg chg="del">
          <ac:chgData name="Pappe, Paolo" userId="ed1345b5-d0a8-4179-84e6-11e8d8f75956" providerId="ADAL" clId="{F2B841CB-575E-4DFA-A316-C09C94055B3C}" dt="2025-01-06T17:35:14.864" v="1699" actId="478"/>
          <ac:spMkLst>
            <pc:docMk/>
            <pc:sldMk cId="3469642920" sldId="566"/>
            <ac:spMk id="2" creationId="{D2EE6885-60DC-4A25-E6DC-867AA9987B10}"/>
          </ac:spMkLst>
        </pc:spChg>
        <pc:spChg chg="mod">
          <ac:chgData name="Pappe, Paolo" userId="ed1345b5-d0a8-4179-84e6-11e8d8f75956" providerId="ADAL" clId="{F2B841CB-575E-4DFA-A316-C09C94055B3C}" dt="2025-01-06T17:37:22.524" v="1827" actId="20577"/>
          <ac:spMkLst>
            <pc:docMk/>
            <pc:sldMk cId="3469642920" sldId="566"/>
            <ac:spMk id="3" creationId="{19D4D7FF-8F42-2F0B-0E94-2BAA377C1F0A}"/>
          </ac:spMkLst>
        </pc:spChg>
        <pc:spChg chg="del">
          <ac:chgData name="Pappe, Paolo" userId="ed1345b5-d0a8-4179-84e6-11e8d8f75956" providerId="ADAL" clId="{F2B841CB-575E-4DFA-A316-C09C94055B3C}" dt="2025-01-06T17:35:14.864" v="1699" actId="478"/>
          <ac:spMkLst>
            <pc:docMk/>
            <pc:sldMk cId="3469642920" sldId="566"/>
            <ac:spMk id="4" creationId="{49E67822-FB1D-98D1-6197-A01DEF894E7B}"/>
          </ac:spMkLst>
        </pc:spChg>
        <pc:spChg chg="del">
          <ac:chgData name="Pappe, Paolo" userId="ed1345b5-d0a8-4179-84e6-11e8d8f75956" providerId="ADAL" clId="{F2B841CB-575E-4DFA-A316-C09C94055B3C}" dt="2025-01-06T17:35:14.864" v="1699" actId="478"/>
          <ac:spMkLst>
            <pc:docMk/>
            <pc:sldMk cId="3469642920" sldId="566"/>
            <ac:spMk id="5" creationId="{3439A2FF-F7C4-C2F0-1D4A-D1F51B8D5687}"/>
          </ac:spMkLst>
        </pc:spChg>
        <pc:graphicFrameChg chg="del">
          <ac:chgData name="Pappe, Paolo" userId="ed1345b5-d0a8-4179-84e6-11e8d8f75956" providerId="ADAL" clId="{F2B841CB-575E-4DFA-A316-C09C94055B3C}" dt="2025-01-06T17:35:16.780" v="1700" actId="478"/>
          <ac:graphicFrameMkLst>
            <pc:docMk/>
            <pc:sldMk cId="3469642920" sldId="566"/>
            <ac:graphicFrameMk id="6" creationId="{0A7FD9E6-85FF-A578-31EF-5E8BB1FD9CBB}"/>
          </ac:graphicFrameMkLst>
        </pc:graphicFrameChg>
        <pc:picChg chg="del">
          <ac:chgData name="Pappe, Paolo" userId="ed1345b5-d0a8-4179-84e6-11e8d8f75956" providerId="ADAL" clId="{F2B841CB-575E-4DFA-A316-C09C94055B3C}" dt="2025-01-06T17:35:14.864" v="1699" actId="478"/>
          <ac:picMkLst>
            <pc:docMk/>
            <pc:sldMk cId="3469642920" sldId="566"/>
            <ac:picMk id="7" creationId="{CD3ED07B-2920-9C81-8922-7A2766DC7101}"/>
          </ac:picMkLst>
        </pc:picChg>
        <pc:picChg chg="del">
          <ac:chgData name="Pappe, Paolo" userId="ed1345b5-d0a8-4179-84e6-11e8d8f75956" providerId="ADAL" clId="{F2B841CB-575E-4DFA-A316-C09C94055B3C}" dt="2025-01-06T17:35:14.864" v="1699" actId="478"/>
          <ac:picMkLst>
            <pc:docMk/>
            <pc:sldMk cId="3469642920" sldId="566"/>
            <ac:picMk id="9" creationId="{3710916B-E8C2-26F6-1075-3A8ADF790BC5}"/>
          </ac:picMkLst>
        </pc:picChg>
      </pc:sldChg>
      <pc:sldChg chg="add del">
        <pc:chgData name="Pappe, Paolo" userId="ed1345b5-d0a8-4179-84e6-11e8d8f75956" providerId="ADAL" clId="{F2B841CB-575E-4DFA-A316-C09C94055B3C}" dt="2025-01-06T18:18:35.486" v="2470" actId="47"/>
        <pc:sldMkLst>
          <pc:docMk/>
          <pc:sldMk cId="3531556045" sldId="567"/>
        </pc:sldMkLst>
      </pc:sldChg>
      <pc:sldChg chg="add del">
        <pc:chgData name="Pappe, Paolo" userId="ed1345b5-d0a8-4179-84e6-11e8d8f75956" providerId="ADAL" clId="{F2B841CB-575E-4DFA-A316-C09C94055B3C}" dt="2025-01-06T17:36:53.952" v="1764"/>
        <pc:sldMkLst>
          <pc:docMk/>
          <pc:sldMk cId="3956152110" sldId="567"/>
        </pc:sldMkLst>
      </pc:sldChg>
      <pc:sldChg chg="addSp delSp modSp add mod">
        <pc:chgData name="Pappe, Paolo" userId="ed1345b5-d0a8-4179-84e6-11e8d8f75956" providerId="ADAL" clId="{F2B841CB-575E-4DFA-A316-C09C94055B3C}" dt="2025-01-06T18:14:34.556" v="2446" actId="6549"/>
        <pc:sldMkLst>
          <pc:docMk/>
          <pc:sldMk cId="1853145617" sldId="568"/>
        </pc:sldMkLst>
        <pc:spChg chg="add mod">
          <ac:chgData name="Pappe, Paolo" userId="ed1345b5-d0a8-4179-84e6-11e8d8f75956" providerId="ADAL" clId="{F2B841CB-575E-4DFA-A316-C09C94055B3C}" dt="2025-01-06T18:12:57.076" v="2382" actId="20577"/>
          <ac:spMkLst>
            <pc:docMk/>
            <pc:sldMk cId="1853145617" sldId="568"/>
            <ac:spMk id="2" creationId="{B680F1C4-CDDD-CFC8-0747-F1D730866A95}"/>
          </ac:spMkLst>
        </pc:spChg>
        <pc:spChg chg="mod">
          <ac:chgData name="Pappe, Paolo" userId="ed1345b5-d0a8-4179-84e6-11e8d8f75956" providerId="ADAL" clId="{F2B841CB-575E-4DFA-A316-C09C94055B3C}" dt="2025-01-06T18:14:34.556" v="2446" actId="6549"/>
          <ac:spMkLst>
            <pc:docMk/>
            <pc:sldMk cId="1853145617" sldId="568"/>
            <ac:spMk id="3" creationId="{59E8BDAD-EA00-4DCF-BDD5-C860E3CA76BB}"/>
          </ac:spMkLst>
        </pc:spChg>
        <pc:spChg chg="add mod">
          <ac:chgData name="Pappe, Paolo" userId="ed1345b5-d0a8-4179-84e6-11e8d8f75956" providerId="ADAL" clId="{F2B841CB-575E-4DFA-A316-C09C94055B3C}" dt="2025-01-06T17:44:52.827" v="2029" actId="1035"/>
          <ac:spMkLst>
            <pc:docMk/>
            <pc:sldMk cId="1853145617" sldId="568"/>
            <ac:spMk id="4" creationId="{2BE700DB-CB3A-C9F8-AC89-C42B7621F444}"/>
          </ac:spMkLst>
        </pc:spChg>
        <pc:spChg chg="add del mod">
          <ac:chgData name="Pappe, Paolo" userId="ed1345b5-d0a8-4179-84e6-11e8d8f75956" providerId="ADAL" clId="{F2B841CB-575E-4DFA-A316-C09C94055B3C}" dt="2025-01-06T17:46:39.566" v="2166" actId="478"/>
          <ac:spMkLst>
            <pc:docMk/>
            <pc:sldMk cId="1853145617" sldId="568"/>
            <ac:spMk id="5" creationId="{8FBD9639-FB30-3131-4F19-281790DA67A7}"/>
          </ac:spMkLst>
        </pc:spChg>
        <pc:spChg chg="add mod">
          <ac:chgData name="Pappe, Paolo" userId="ed1345b5-d0a8-4179-84e6-11e8d8f75956" providerId="ADAL" clId="{F2B841CB-575E-4DFA-A316-C09C94055B3C}" dt="2025-01-06T17:47:19.586" v="2172" actId="208"/>
          <ac:spMkLst>
            <pc:docMk/>
            <pc:sldMk cId="1853145617" sldId="568"/>
            <ac:spMk id="6" creationId="{9C2D8815-76F4-46F2-834D-46BF2B67A9C0}"/>
          </ac:spMkLst>
        </pc:spChg>
        <pc:spChg chg="add mod">
          <ac:chgData name="Pappe, Paolo" userId="ed1345b5-d0a8-4179-84e6-11e8d8f75956" providerId="ADAL" clId="{F2B841CB-575E-4DFA-A316-C09C94055B3C}" dt="2025-01-06T18:13:02.995" v="2385" actId="1035"/>
          <ac:spMkLst>
            <pc:docMk/>
            <pc:sldMk cId="1853145617" sldId="568"/>
            <ac:spMk id="7" creationId="{E943EE9C-D0DA-4903-BECC-6F9F3C36B745}"/>
          </ac:spMkLst>
        </pc:spChg>
      </pc:sldChg>
      <pc:sldChg chg="modSp add del mod">
        <pc:chgData name="Pappe, Paolo" userId="ed1345b5-d0a8-4179-84e6-11e8d8f75956" providerId="ADAL" clId="{F2B841CB-575E-4DFA-A316-C09C94055B3C}" dt="2025-01-06T18:18:25.662" v="2469" actId="47"/>
        <pc:sldMkLst>
          <pc:docMk/>
          <pc:sldMk cId="3216140140" sldId="569"/>
        </pc:sldMkLst>
        <pc:spChg chg="mod">
          <ac:chgData name="Pappe, Paolo" userId="ed1345b5-d0a8-4179-84e6-11e8d8f75956" providerId="ADAL" clId="{F2B841CB-575E-4DFA-A316-C09C94055B3C}" dt="2025-01-06T18:14:47.731" v="2449"/>
          <ac:spMkLst>
            <pc:docMk/>
            <pc:sldMk cId="3216140140" sldId="569"/>
            <ac:spMk id="3" creationId="{F05A0708-61FC-802F-F52D-6DE5F21F9125}"/>
          </ac:spMkLst>
        </pc:spChg>
      </pc:sldChg>
      <pc:sldChg chg="addSp delSp modSp add mod">
        <pc:chgData name="Pappe, Paolo" userId="ed1345b5-d0a8-4179-84e6-11e8d8f75956" providerId="ADAL" clId="{F2B841CB-575E-4DFA-A316-C09C94055B3C}" dt="2025-01-06T18:14:39.793" v="2447"/>
        <pc:sldMkLst>
          <pc:docMk/>
          <pc:sldMk cId="185984110" sldId="570"/>
        </pc:sldMkLst>
        <pc:spChg chg="mod">
          <ac:chgData name="Pappe, Paolo" userId="ed1345b5-d0a8-4179-84e6-11e8d8f75956" providerId="ADAL" clId="{F2B841CB-575E-4DFA-A316-C09C94055B3C}" dt="2025-01-06T17:43:22.718" v="2014" actId="20577"/>
          <ac:spMkLst>
            <pc:docMk/>
            <pc:sldMk cId="185984110" sldId="570"/>
            <ac:spMk id="2" creationId="{0D1738DC-900B-5EFC-E3CC-7A61AB2C4CD8}"/>
          </ac:spMkLst>
        </pc:spChg>
        <pc:spChg chg="mod">
          <ac:chgData name="Pappe, Paolo" userId="ed1345b5-d0a8-4179-84e6-11e8d8f75956" providerId="ADAL" clId="{F2B841CB-575E-4DFA-A316-C09C94055B3C}" dt="2025-01-06T18:14:39.793" v="2447"/>
          <ac:spMkLst>
            <pc:docMk/>
            <pc:sldMk cId="185984110" sldId="570"/>
            <ac:spMk id="3" creationId="{4A716717-64A3-C68E-3858-743DD4E4BA85}"/>
          </ac:spMkLst>
        </pc:spChg>
        <pc:spChg chg="add mod">
          <ac:chgData name="Pappe, Paolo" userId="ed1345b5-d0a8-4179-84e6-11e8d8f75956" providerId="ADAL" clId="{F2B841CB-575E-4DFA-A316-C09C94055B3C}" dt="2025-01-06T17:43:32.651" v="2021" actId="1036"/>
          <ac:spMkLst>
            <pc:docMk/>
            <pc:sldMk cId="185984110" sldId="570"/>
            <ac:spMk id="4" creationId="{9C97302F-B7FB-FAFD-01BE-DA80A7C8E23D}"/>
          </ac:spMkLst>
        </pc:spChg>
        <pc:spChg chg="add mod">
          <ac:chgData name="Pappe, Paolo" userId="ed1345b5-d0a8-4179-84e6-11e8d8f75956" providerId="ADAL" clId="{F2B841CB-575E-4DFA-A316-C09C94055B3C}" dt="2025-01-06T17:44:27.605" v="2026" actId="14100"/>
          <ac:spMkLst>
            <pc:docMk/>
            <pc:sldMk cId="185984110" sldId="570"/>
            <ac:spMk id="7" creationId="{33444D3B-8755-7A51-C06E-940F33B52B31}"/>
          </ac:spMkLst>
        </pc:spChg>
        <pc:spChg chg="add del mod">
          <ac:chgData name="Pappe, Paolo" userId="ed1345b5-d0a8-4179-84e6-11e8d8f75956" providerId="ADAL" clId="{F2B841CB-575E-4DFA-A316-C09C94055B3C}" dt="2025-01-06T17:48:07.020" v="2183" actId="478"/>
          <ac:spMkLst>
            <pc:docMk/>
            <pc:sldMk cId="185984110" sldId="570"/>
            <ac:spMk id="8" creationId="{9F36C9C6-CE72-176E-109B-3ACFDD5387E9}"/>
          </ac:spMkLst>
        </pc:spChg>
        <pc:spChg chg="add mod">
          <ac:chgData name="Pappe, Paolo" userId="ed1345b5-d0a8-4179-84e6-11e8d8f75956" providerId="ADAL" clId="{F2B841CB-575E-4DFA-A316-C09C94055B3C}" dt="2025-01-06T17:48:34.051" v="2189" actId="1035"/>
          <ac:spMkLst>
            <pc:docMk/>
            <pc:sldMk cId="185984110" sldId="570"/>
            <ac:spMk id="9" creationId="{C5DA611D-8329-F8B4-13DF-91143E750DA6}"/>
          </ac:spMkLst>
        </pc:spChg>
        <pc:spChg chg="add mod">
          <ac:chgData name="Pappe, Paolo" userId="ed1345b5-d0a8-4179-84e6-11e8d8f75956" providerId="ADAL" clId="{F2B841CB-575E-4DFA-A316-C09C94055B3C}" dt="2025-01-06T17:48:50.024" v="2191" actId="1076"/>
          <ac:spMkLst>
            <pc:docMk/>
            <pc:sldMk cId="185984110" sldId="570"/>
            <ac:spMk id="10" creationId="{1120B3D0-C902-1BA1-4B08-17E4AAADC444}"/>
          </ac:spMkLst>
        </pc:spChg>
        <pc:spChg chg="add mod">
          <ac:chgData name="Pappe, Paolo" userId="ed1345b5-d0a8-4179-84e6-11e8d8f75956" providerId="ADAL" clId="{F2B841CB-575E-4DFA-A316-C09C94055B3C}" dt="2025-01-06T17:49:17.957" v="2197" actId="1076"/>
          <ac:spMkLst>
            <pc:docMk/>
            <pc:sldMk cId="185984110" sldId="570"/>
            <ac:spMk id="11" creationId="{103F70E8-E117-E7C4-6C69-D0E305966BC7}"/>
          </ac:spMkLst>
        </pc:spChg>
        <pc:picChg chg="add mod">
          <ac:chgData name="Pappe, Paolo" userId="ed1345b5-d0a8-4179-84e6-11e8d8f75956" providerId="ADAL" clId="{F2B841CB-575E-4DFA-A316-C09C94055B3C}" dt="2025-01-06T17:48:09.958" v="2184" actId="1076"/>
          <ac:picMkLst>
            <pc:docMk/>
            <pc:sldMk cId="185984110" sldId="570"/>
            <ac:picMk id="6" creationId="{F9EFD0BE-E675-D91C-7F0C-D3DDA2B5037F}"/>
          </ac:picMkLst>
        </pc:picChg>
      </pc:sldChg>
      <pc:sldChg chg="addSp delSp modSp add mod">
        <pc:chgData name="Pappe, Paolo" userId="ed1345b5-d0a8-4179-84e6-11e8d8f75956" providerId="ADAL" clId="{F2B841CB-575E-4DFA-A316-C09C94055B3C}" dt="2025-01-06T18:14:43.609" v="2448"/>
        <pc:sldMkLst>
          <pc:docMk/>
          <pc:sldMk cId="3042670022" sldId="571"/>
        </pc:sldMkLst>
        <pc:spChg chg="del">
          <ac:chgData name="Pappe, Paolo" userId="ed1345b5-d0a8-4179-84e6-11e8d8f75956" providerId="ADAL" clId="{F2B841CB-575E-4DFA-A316-C09C94055B3C}" dt="2025-01-06T18:08:01.918" v="2255" actId="478"/>
          <ac:spMkLst>
            <pc:docMk/>
            <pc:sldMk cId="3042670022" sldId="571"/>
            <ac:spMk id="2" creationId="{7AD1EABB-D1D8-CD8A-ADF1-7CA6E0B0DB38}"/>
          </ac:spMkLst>
        </pc:spChg>
        <pc:spChg chg="mod">
          <ac:chgData name="Pappe, Paolo" userId="ed1345b5-d0a8-4179-84e6-11e8d8f75956" providerId="ADAL" clId="{F2B841CB-575E-4DFA-A316-C09C94055B3C}" dt="2025-01-06T18:14:43.609" v="2448"/>
          <ac:spMkLst>
            <pc:docMk/>
            <pc:sldMk cId="3042670022" sldId="571"/>
            <ac:spMk id="3" creationId="{4574EEB9-B510-BFFA-9D33-F558A12A74E8}"/>
          </ac:spMkLst>
        </pc:spChg>
        <pc:spChg chg="del">
          <ac:chgData name="Pappe, Paolo" userId="ed1345b5-d0a8-4179-84e6-11e8d8f75956" providerId="ADAL" clId="{F2B841CB-575E-4DFA-A316-C09C94055B3C}" dt="2025-01-06T18:08:00.456" v="2254" actId="478"/>
          <ac:spMkLst>
            <pc:docMk/>
            <pc:sldMk cId="3042670022" sldId="571"/>
            <ac:spMk id="4" creationId="{F348936E-A825-5D00-0647-D05404A27202}"/>
          </ac:spMkLst>
        </pc:spChg>
        <pc:spChg chg="del">
          <ac:chgData name="Pappe, Paolo" userId="ed1345b5-d0a8-4179-84e6-11e8d8f75956" providerId="ADAL" clId="{F2B841CB-575E-4DFA-A316-C09C94055B3C}" dt="2025-01-06T18:10:34.781" v="2277" actId="478"/>
          <ac:spMkLst>
            <pc:docMk/>
            <pc:sldMk cId="3042670022" sldId="571"/>
            <ac:spMk id="7" creationId="{EA7C718E-581E-A2F9-6C7C-6D7DCB91CE9D}"/>
          </ac:spMkLst>
        </pc:spChg>
        <pc:spChg chg="mod ord">
          <ac:chgData name="Pappe, Paolo" userId="ed1345b5-d0a8-4179-84e6-11e8d8f75956" providerId="ADAL" clId="{F2B841CB-575E-4DFA-A316-C09C94055B3C}" dt="2025-01-06T18:11:39.459" v="2291" actId="14100"/>
          <ac:spMkLst>
            <pc:docMk/>
            <pc:sldMk cId="3042670022" sldId="571"/>
            <ac:spMk id="9" creationId="{9E1B5F40-848F-6E5C-5AA3-A8487B048E08}"/>
          </ac:spMkLst>
        </pc:spChg>
        <pc:spChg chg="mod">
          <ac:chgData name="Pappe, Paolo" userId="ed1345b5-d0a8-4179-84e6-11e8d8f75956" providerId="ADAL" clId="{F2B841CB-575E-4DFA-A316-C09C94055B3C}" dt="2025-01-06T18:08:06.272" v="2275" actId="1035"/>
          <ac:spMkLst>
            <pc:docMk/>
            <pc:sldMk cId="3042670022" sldId="571"/>
            <ac:spMk id="10" creationId="{421772A2-C54E-1F1A-9A1C-CC1736EC759A}"/>
          </ac:spMkLst>
        </pc:spChg>
        <pc:spChg chg="mod">
          <ac:chgData name="Pappe, Paolo" userId="ed1345b5-d0a8-4179-84e6-11e8d8f75956" providerId="ADAL" clId="{F2B841CB-575E-4DFA-A316-C09C94055B3C}" dt="2025-01-06T18:08:06.272" v="2275" actId="1035"/>
          <ac:spMkLst>
            <pc:docMk/>
            <pc:sldMk cId="3042670022" sldId="571"/>
            <ac:spMk id="11" creationId="{B571FA32-6E72-5259-7BFE-144884BF48DD}"/>
          </ac:spMkLst>
        </pc:spChg>
        <pc:picChg chg="del">
          <ac:chgData name="Pappe, Paolo" userId="ed1345b5-d0a8-4179-84e6-11e8d8f75956" providerId="ADAL" clId="{F2B841CB-575E-4DFA-A316-C09C94055B3C}" dt="2025-01-06T18:10:32.878" v="2276" actId="478"/>
          <ac:picMkLst>
            <pc:docMk/>
            <pc:sldMk cId="3042670022" sldId="571"/>
            <ac:picMk id="6" creationId="{29A7514C-A2D3-A62D-54B7-78F114881CC0}"/>
          </ac:picMkLst>
        </pc:picChg>
        <pc:picChg chg="add mod">
          <ac:chgData name="Pappe, Paolo" userId="ed1345b5-d0a8-4179-84e6-11e8d8f75956" providerId="ADAL" clId="{F2B841CB-575E-4DFA-A316-C09C94055B3C}" dt="2025-01-06T18:11:13.705" v="2283" actId="14100"/>
          <ac:picMkLst>
            <pc:docMk/>
            <pc:sldMk cId="3042670022" sldId="571"/>
            <ac:picMk id="8" creationId="{DADDFA88-8011-2F1C-4C74-6E5BBC09A829}"/>
          </ac:picMkLst>
        </pc:picChg>
        <pc:picChg chg="add mod">
          <ac:chgData name="Pappe, Paolo" userId="ed1345b5-d0a8-4179-84e6-11e8d8f75956" providerId="ADAL" clId="{F2B841CB-575E-4DFA-A316-C09C94055B3C}" dt="2025-01-06T18:11:24.067" v="2287" actId="1076"/>
          <ac:picMkLst>
            <pc:docMk/>
            <pc:sldMk cId="3042670022" sldId="571"/>
            <ac:picMk id="13" creationId="{CA1BE622-6024-5BFF-D22F-BBC7DB3A6264}"/>
          </ac:picMkLst>
        </pc:picChg>
      </pc:sldChg>
      <pc:sldChg chg="addSp delSp modSp add mod">
        <pc:chgData name="Pappe, Paolo" userId="ed1345b5-d0a8-4179-84e6-11e8d8f75956" providerId="ADAL" clId="{F2B841CB-575E-4DFA-A316-C09C94055B3C}" dt="2025-01-06T18:18:09.580" v="2468" actId="14100"/>
        <pc:sldMkLst>
          <pc:docMk/>
          <pc:sldMk cId="727842570" sldId="572"/>
        </pc:sldMkLst>
        <pc:spChg chg="add mod">
          <ac:chgData name="Pappe, Paolo" userId="ed1345b5-d0a8-4179-84e6-11e8d8f75956" providerId="ADAL" clId="{F2B841CB-575E-4DFA-A316-C09C94055B3C}" dt="2025-01-06T18:15:40.694" v="2453" actId="1076"/>
          <ac:spMkLst>
            <pc:docMk/>
            <pc:sldMk cId="727842570" sldId="572"/>
            <ac:spMk id="2" creationId="{4E6B1AC4-CE14-9793-16C6-58B48C34C5CE}"/>
          </ac:spMkLst>
        </pc:spChg>
        <pc:spChg chg="mod ord">
          <ac:chgData name="Pappe, Paolo" userId="ed1345b5-d0a8-4179-84e6-11e8d8f75956" providerId="ADAL" clId="{F2B841CB-575E-4DFA-A316-C09C94055B3C}" dt="2025-01-06T18:18:09.580" v="2468" actId="14100"/>
          <ac:spMkLst>
            <pc:docMk/>
            <pc:sldMk cId="727842570" sldId="572"/>
            <ac:spMk id="9" creationId="{5472E5B0-515B-7B6B-785B-B5B65A308C5A}"/>
          </ac:spMkLst>
        </pc:spChg>
        <pc:spChg chg="del">
          <ac:chgData name="Pappe, Paolo" userId="ed1345b5-d0a8-4179-84e6-11e8d8f75956" providerId="ADAL" clId="{F2B841CB-575E-4DFA-A316-C09C94055B3C}" dt="2025-01-06T18:15:29.960" v="2451" actId="478"/>
          <ac:spMkLst>
            <pc:docMk/>
            <pc:sldMk cId="727842570" sldId="572"/>
            <ac:spMk id="10" creationId="{4CCA4998-6079-F81F-9AB7-E14E20230390}"/>
          </ac:spMkLst>
        </pc:spChg>
        <pc:spChg chg="mod">
          <ac:chgData name="Pappe, Paolo" userId="ed1345b5-d0a8-4179-84e6-11e8d8f75956" providerId="ADAL" clId="{F2B841CB-575E-4DFA-A316-C09C94055B3C}" dt="2025-01-06T18:15:50.497" v="2454"/>
          <ac:spMkLst>
            <pc:docMk/>
            <pc:sldMk cId="727842570" sldId="572"/>
            <ac:spMk id="11" creationId="{5E06F3A5-FAA4-B950-CC00-894523B33501}"/>
          </ac:spMkLst>
        </pc:spChg>
        <pc:picChg chg="add del mod">
          <ac:chgData name="Pappe, Paolo" userId="ed1345b5-d0a8-4179-84e6-11e8d8f75956" providerId="ADAL" clId="{F2B841CB-575E-4DFA-A316-C09C94055B3C}" dt="2025-01-06T18:17:39.460" v="2461" actId="478"/>
          <ac:picMkLst>
            <pc:docMk/>
            <pc:sldMk cId="727842570" sldId="572"/>
            <ac:picMk id="5" creationId="{81B5000E-E1D4-042A-ED9B-68ED69F7FD87}"/>
          </ac:picMkLst>
        </pc:picChg>
        <pc:picChg chg="add mod">
          <ac:chgData name="Pappe, Paolo" userId="ed1345b5-d0a8-4179-84e6-11e8d8f75956" providerId="ADAL" clId="{F2B841CB-575E-4DFA-A316-C09C94055B3C}" dt="2025-01-06T18:17:58.045" v="2464" actId="14100"/>
          <ac:picMkLst>
            <pc:docMk/>
            <pc:sldMk cId="727842570" sldId="572"/>
            <ac:picMk id="7" creationId="{7287CC1E-61A9-AE20-19B7-FCA3A2F69957}"/>
          </ac:picMkLst>
        </pc:picChg>
        <pc:picChg chg="del">
          <ac:chgData name="Pappe, Paolo" userId="ed1345b5-d0a8-4179-84e6-11e8d8f75956" providerId="ADAL" clId="{F2B841CB-575E-4DFA-A316-C09C94055B3C}" dt="2025-01-06T18:16:15.629" v="2458" actId="478"/>
          <ac:picMkLst>
            <pc:docMk/>
            <pc:sldMk cId="727842570" sldId="572"/>
            <ac:picMk id="8" creationId="{A8BF702D-67F4-55CB-802A-9D1773DAB377}"/>
          </ac:picMkLst>
        </pc:picChg>
        <pc:picChg chg="del">
          <ac:chgData name="Pappe, Paolo" userId="ed1345b5-d0a8-4179-84e6-11e8d8f75956" providerId="ADAL" clId="{F2B841CB-575E-4DFA-A316-C09C94055B3C}" dt="2025-01-06T18:16:15.165" v="2457" actId="478"/>
          <ac:picMkLst>
            <pc:docMk/>
            <pc:sldMk cId="727842570" sldId="572"/>
            <ac:picMk id="13" creationId="{18A9CD5B-97CB-AC76-514A-6959CBBF8A02}"/>
          </ac:picMkLst>
        </pc:picChg>
      </pc:sldChg>
    </pc:docChg>
  </pc:docChgLst>
</pc:chgInfo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3_2">
  <dgm:title val=""/>
  <dgm:desc val=""/>
  <dgm:catLst>
    <dgm:cat type="accent3" pri="11200"/>
  </dgm:catLst>
  <dgm:styleLbl name="node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ln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8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3_2">
  <dgm:title val=""/>
  <dgm:desc val=""/>
  <dgm:catLst>
    <dgm:cat type="accent3" pri="11200"/>
  </dgm:catLst>
  <dgm:styleLbl name="node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ln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8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3_2">
  <dgm:title val=""/>
  <dgm:desc val=""/>
  <dgm:catLst>
    <dgm:cat type="accent3" pri="11200"/>
  </dgm:catLst>
  <dgm:styleLbl name="node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ln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8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accent3_2">
  <dgm:title val=""/>
  <dgm:desc val=""/>
  <dgm:catLst>
    <dgm:cat type="accent3" pri="11200"/>
  </dgm:catLst>
  <dgm:styleLbl name="node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ln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8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accent3_2">
  <dgm:title val=""/>
  <dgm:desc val=""/>
  <dgm:catLst>
    <dgm:cat type="accent3" pri="11200"/>
  </dgm:catLst>
  <dgm:styleLbl name="node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lnNode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8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47F434EF-6C0E-4944-96C0-C43F61700F63}" type="doc">
      <dgm:prSet loTypeId="urn:microsoft.com/office/officeart/2005/8/layout/chevron1" loCatId="process" qsTypeId="urn:microsoft.com/office/officeart/2005/8/quickstyle/simple1" qsCatId="simple" csTypeId="urn:microsoft.com/office/officeart/2005/8/colors/accent3_2" csCatId="accent3" phldr="1"/>
      <dgm:spPr/>
    </dgm:pt>
    <dgm:pt modelId="{85DD24DC-CC29-4D04-B41D-4EBC61B8BD89}">
      <dgm:prSet phldrT="[Text]"/>
      <dgm:spPr/>
      <dgm:t>
        <a:bodyPr/>
        <a:lstStyle/>
        <a:p>
          <a:r>
            <a:rPr lang="de-DE" dirty="0"/>
            <a:t>Chunking</a:t>
          </a:r>
        </a:p>
      </dgm:t>
    </dgm:pt>
    <dgm:pt modelId="{07FAEB0F-4731-4496-9B96-3E5C541DD1A2}" type="parTrans" cxnId="{6B93108C-96EC-4498-9850-B9185000A520}">
      <dgm:prSet/>
      <dgm:spPr/>
      <dgm:t>
        <a:bodyPr/>
        <a:lstStyle/>
        <a:p>
          <a:endParaRPr lang="de-DE"/>
        </a:p>
      </dgm:t>
    </dgm:pt>
    <dgm:pt modelId="{AF3618BA-07EC-4540-878F-FCFDBD71CF85}" type="sibTrans" cxnId="{6B93108C-96EC-4498-9850-B9185000A520}">
      <dgm:prSet/>
      <dgm:spPr/>
      <dgm:t>
        <a:bodyPr/>
        <a:lstStyle/>
        <a:p>
          <a:endParaRPr lang="de-DE"/>
        </a:p>
      </dgm:t>
    </dgm:pt>
    <dgm:pt modelId="{6A745A9E-2D19-42C3-9BC1-8AEB253D64BF}">
      <dgm:prSet phldrT="[Text]"/>
      <dgm:spPr/>
      <dgm:t>
        <a:bodyPr/>
        <a:lstStyle/>
        <a:p>
          <a:r>
            <a:rPr lang="de-DE" dirty="0"/>
            <a:t>Zusammenfassung Chunks</a:t>
          </a:r>
        </a:p>
      </dgm:t>
    </dgm:pt>
    <dgm:pt modelId="{32E6295C-1692-4931-A2FA-03270B68CBE9}" type="parTrans" cxnId="{DFF507D2-A619-48FA-A4BE-C4C5FE5F2836}">
      <dgm:prSet/>
      <dgm:spPr/>
      <dgm:t>
        <a:bodyPr/>
        <a:lstStyle/>
        <a:p>
          <a:endParaRPr lang="de-DE"/>
        </a:p>
      </dgm:t>
    </dgm:pt>
    <dgm:pt modelId="{5A6D6C17-7613-4A37-9E3F-8C842AC2219B}" type="sibTrans" cxnId="{DFF507D2-A619-48FA-A4BE-C4C5FE5F2836}">
      <dgm:prSet/>
      <dgm:spPr/>
      <dgm:t>
        <a:bodyPr/>
        <a:lstStyle/>
        <a:p>
          <a:endParaRPr lang="de-DE"/>
        </a:p>
      </dgm:t>
    </dgm:pt>
    <dgm:pt modelId="{E19C3883-B195-4268-96FD-752FD895EAC1}">
      <dgm:prSet phldrT="[Text]"/>
      <dgm:spPr/>
      <dgm:t>
        <a:bodyPr/>
        <a:lstStyle/>
        <a:p>
          <a:r>
            <a:rPr lang="de-DE" dirty="0"/>
            <a:t>Suchanfrage + Chunks + Zusammenfassung an das LLM</a:t>
          </a:r>
        </a:p>
      </dgm:t>
    </dgm:pt>
    <dgm:pt modelId="{D6D512B7-A041-467E-B551-EE9FB6BC4E94}" type="parTrans" cxnId="{6FC532EF-1C11-44BC-89BD-0AF40026FC17}">
      <dgm:prSet/>
      <dgm:spPr/>
      <dgm:t>
        <a:bodyPr/>
        <a:lstStyle/>
        <a:p>
          <a:endParaRPr lang="de-DE"/>
        </a:p>
      </dgm:t>
    </dgm:pt>
    <dgm:pt modelId="{952E0929-A790-4381-B424-0277841A2CC1}" type="sibTrans" cxnId="{6FC532EF-1C11-44BC-89BD-0AF40026FC17}">
      <dgm:prSet/>
      <dgm:spPr/>
      <dgm:t>
        <a:bodyPr/>
        <a:lstStyle/>
        <a:p>
          <a:endParaRPr lang="de-DE"/>
        </a:p>
      </dgm:t>
    </dgm:pt>
    <dgm:pt modelId="{61FD4F79-A980-4CDE-842A-109E454AA58C}">
      <dgm:prSet phldrT="[Text]"/>
      <dgm:spPr/>
      <dgm:t>
        <a:bodyPr/>
        <a:lstStyle/>
        <a:p>
          <a:r>
            <a:rPr lang="de-DE" dirty="0"/>
            <a:t>Darstellung der Suchtreffer im Browser</a:t>
          </a:r>
        </a:p>
      </dgm:t>
    </dgm:pt>
    <dgm:pt modelId="{A4C470C1-2135-4F08-AC5C-E9DE7E97E243}" type="parTrans" cxnId="{985F5A50-AE82-4639-947B-4F08EACDEDB5}">
      <dgm:prSet/>
      <dgm:spPr/>
      <dgm:t>
        <a:bodyPr/>
        <a:lstStyle/>
        <a:p>
          <a:endParaRPr lang="de-DE"/>
        </a:p>
      </dgm:t>
    </dgm:pt>
    <dgm:pt modelId="{F35D7AB6-D9A7-4B46-A734-56ACCE1B6FB3}" type="sibTrans" cxnId="{985F5A50-AE82-4639-947B-4F08EACDEDB5}">
      <dgm:prSet/>
      <dgm:spPr/>
      <dgm:t>
        <a:bodyPr/>
        <a:lstStyle/>
        <a:p>
          <a:endParaRPr lang="de-DE"/>
        </a:p>
      </dgm:t>
    </dgm:pt>
    <dgm:pt modelId="{D18DCE64-0A37-42AA-A531-988AA43D6CEA}" type="pres">
      <dgm:prSet presAssocID="{47F434EF-6C0E-4944-96C0-C43F61700F63}" presName="Name0" presStyleCnt="0">
        <dgm:presLayoutVars>
          <dgm:dir/>
          <dgm:animLvl val="lvl"/>
          <dgm:resizeHandles val="exact"/>
        </dgm:presLayoutVars>
      </dgm:prSet>
      <dgm:spPr/>
    </dgm:pt>
    <dgm:pt modelId="{BD90CBAC-E31C-4DC8-97BE-A9D450AF3FD2}" type="pres">
      <dgm:prSet presAssocID="{85DD24DC-CC29-4D04-B41D-4EBC61B8BD89}" presName="parTxOnly" presStyleLbl="node1" presStyleIdx="0" presStyleCnt="4">
        <dgm:presLayoutVars>
          <dgm:chMax val="0"/>
          <dgm:chPref val="0"/>
          <dgm:bulletEnabled val="1"/>
        </dgm:presLayoutVars>
      </dgm:prSet>
      <dgm:spPr/>
    </dgm:pt>
    <dgm:pt modelId="{A29CEB7F-0110-4ACF-981D-75E18C31921B}" type="pres">
      <dgm:prSet presAssocID="{AF3618BA-07EC-4540-878F-FCFDBD71CF85}" presName="parTxOnlySpace" presStyleCnt="0"/>
      <dgm:spPr/>
    </dgm:pt>
    <dgm:pt modelId="{03A907D2-4873-4F0C-8873-91F00ADA7CD6}" type="pres">
      <dgm:prSet presAssocID="{6A745A9E-2D19-42C3-9BC1-8AEB253D64BF}" presName="parTxOnly" presStyleLbl="node1" presStyleIdx="1" presStyleCnt="4">
        <dgm:presLayoutVars>
          <dgm:chMax val="0"/>
          <dgm:chPref val="0"/>
          <dgm:bulletEnabled val="1"/>
        </dgm:presLayoutVars>
      </dgm:prSet>
      <dgm:spPr/>
    </dgm:pt>
    <dgm:pt modelId="{F59E6674-1254-4B7A-B4BE-524C498D5A5A}" type="pres">
      <dgm:prSet presAssocID="{5A6D6C17-7613-4A37-9E3F-8C842AC2219B}" presName="parTxOnlySpace" presStyleCnt="0"/>
      <dgm:spPr/>
    </dgm:pt>
    <dgm:pt modelId="{60F192AD-2761-4273-BCAA-39ED9388A052}" type="pres">
      <dgm:prSet presAssocID="{E19C3883-B195-4268-96FD-752FD895EAC1}" presName="parTxOnly" presStyleLbl="node1" presStyleIdx="2" presStyleCnt="4">
        <dgm:presLayoutVars>
          <dgm:chMax val="0"/>
          <dgm:chPref val="0"/>
          <dgm:bulletEnabled val="1"/>
        </dgm:presLayoutVars>
      </dgm:prSet>
      <dgm:spPr/>
    </dgm:pt>
    <dgm:pt modelId="{6B6A94B2-D532-4828-BB0E-DE6674E30471}" type="pres">
      <dgm:prSet presAssocID="{952E0929-A790-4381-B424-0277841A2CC1}" presName="parTxOnlySpace" presStyleCnt="0"/>
      <dgm:spPr/>
    </dgm:pt>
    <dgm:pt modelId="{4E287A8C-DF51-4E96-9F3E-E64C63616A49}" type="pres">
      <dgm:prSet presAssocID="{61FD4F79-A980-4CDE-842A-109E454AA58C}" presName="parTxOnly" presStyleLbl="node1" presStyleIdx="3" presStyleCnt="4">
        <dgm:presLayoutVars>
          <dgm:chMax val="0"/>
          <dgm:chPref val="0"/>
          <dgm:bulletEnabled val="1"/>
        </dgm:presLayoutVars>
      </dgm:prSet>
      <dgm:spPr/>
    </dgm:pt>
  </dgm:ptLst>
  <dgm:cxnLst>
    <dgm:cxn modelId="{925B9300-F596-43BB-831B-D4A00DC5900B}" type="presOf" srcId="{61FD4F79-A980-4CDE-842A-109E454AA58C}" destId="{4E287A8C-DF51-4E96-9F3E-E64C63616A49}" srcOrd="0" destOrd="0" presId="urn:microsoft.com/office/officeart/2005/8/layout/chevron1"/>
    <dgm:cxn modelId="{4C71A71F-7DCF-4BBB-80E6-AC91D550C112}" type="presOf" srcId="{85DD24DC-CC29-4D04-B41D-4EBC61B8BD89}" destId="{BD90CBAC-E31C-4DC8-97BE-A9D450AF3FD2}" srcOrd="0" destOrd="0" presId="urn:microsoft.com/office/officeart/2005/8/layout/chevron1"/>
    <dgm:cxn modelId="{985F5A50-AE82-4639-947B-4F08EACDEDB5}" srcId="{47F434EF-6C0E-4944-96C0-C43F61700F63}" destId="{61FD4F79-A980-4CDE-842A-109E454AA58C}" srcOrd="3" destOrd="0" parTransId="{A4C470C1-2135-4F08-AC5C-E9DE7E97E243}" sibTransId="{F35D7AB6-D9A7-4B46-A734-56ACCE1B6FB3}"/>
    <dgm:cxn modelId="{3BCB537A-C918-42A6-BEF0-2AA957D4025B}" type="presOf" srcId="{6A745A9E-2D19-42C3-9BC1-8AEB253D64BF}" destId="{03A907D2-4873-4F0C-8873-91F00ADA7CD6}" srcOrd="0" destOrd="0" presId="urn:microsoft.com/office/officeart/2005/8/layout/chevron1"/>
    <dgm:cxn modelId="{6B93108C-96EC-4498-9850-B9185000A520}" srcId="{47F434EF-6C0E-4944-96C0-C43F61700F63}" destId="{85DD24DC-CC29-4D04-B41D-4EBC61B8BD89}" srcOrd="0" destOrd="0" parTransId="{07FAEB0F-4731-4496-9B96-3E5C541DD1A2}" sibTransId="{AF3618BA-07EC-4540-878F-FCFDBD71CF85}"/>
    <dgm:cxn modelId="{58D15496-C347-441E-8DA1-B72D5DCD85C1}" type="presOf" srcId="{E19C3883-B195-4268-96FD-752FD895EAC1}" destId="{60F192AD-2761-4273-BCAA-39ED9388A052}" srcOrd="0" destOrd="0" presId="urn:microsoft.com/office/officeart/2005/8/layout/chevron1"/>
    <dgm:cxn modelId="{16B3C1B1-1775-409E-9FC3-4B14A56E9672}" type="presOf" srcId="{47F434EF-6C0E-4944-96C0-C43F61700F63}" destId="{D18DCE64-0A37-42AA-A531-988AA43D6CEA}" srcOrd="0" destOrd="0" presId="urn:microsoft.com/office/officeart/2005/8/layout/chevron1"/>
    <dgm:cxn modelId="{DFF507D2-A619-48FA-A4BE-C4C5FE5F2836}" srcId="{47F434EF-6C0E-4944-96C0-C43F61700F63}" destId="{6A745A9E-2D19-42C3-9BC1-8AEB253D64BF}" srcOrd="1" destOrd="0" parTransId="{32E6295C-1692-4931-A2FA-03270B68CBE9}" sibTransId="{5A6D6C17-7613-4A37-9E3F-8C842AC2219B}"/>
    <dgm:cxn modelId="{6FC532EF-1C11-44BC-89BD-0AF40026FC17}" srcId="{47F434EF-6C0E-4944-96C0-C43F61700F63}" destId="{E19C3883-B195-4268-96FD-752FD895EAC1}" srcOrd="2" destOrd="0" parTransId="{D6D512B7-A041-467E-B551-EE9FB6BC4E94}" sibTransId="{952E0929-A790-4381-B424-0277841A2CC1}"/>
    <dgm:cxn modelId="{2C66EFBC-F5BF-42D6-ADA9-E6613C0CFE71}" type="presParOf" srcId="{D18DCE64-0A37-42AA-A531-988AA43D6CEA}" destId="{BD90CBAC-E31C-4DC8-97BE-A9D450AF3FD2}" srcOrd="0" destOrd="0" presId="urn:microsoft.com/office/officeart/2005/8/layout/chevron1"/>
    <dgm:cxn modelId="{E3F28F13-6B5A-43BE-8727-1657E93ACFD7}" type="presParOf" srcId="{D18DCE64-0A37-42AA-A531-988AA43D6CEA}" destId="{A29CEB7F-0110-4ACF-981D-75E18C31921B}" srcOrd="1" destOrd="0" presId="urn:microsoft.com/office/officeart/2005/8/layout/chevron1"/>
    <dgm:cxn modelId="{5B2CCF12-EF96-421F-8295-BB62C3A888FE}" type="presParOf" srcId="{D18DCE64-0A37-42AA-A531-988AA43D6CEA}" destId="{03A907D2-4873-4F0C-8873-91F00ADA7CD6}" srcOrd="2" destOrd="0" presId="urn:microsoft.com/office/officeart/2005/8/layout/chevron1"/>
    <dgm:cxn modelId="{537DBE8D-3A7D-4639-B705-E5677CCBE2B7}" type="presParOf" srcId="{D18DCE64-0A37-42AA-A531-988AA43D6CEA}" destId="{F59E6674-1254-4B7A-B4BE-524C498D5A5A}" srcOrd="3" destOrd="0" presId="urn:microsoft.com/office/officeart/2005/8/layout/chevron1"/>
    <dgm:cxn modelId="{2BA26EE9-AE4B-4FC3-883C-BBA93EF76AC0}" type="presParOf" srcId="{D18DCE64-0A37-42AA-A531-988AA43D6CEA}" destId="{60F192AD-2761-4273-BCAA-39ED9388A052}" srcOrd="4" destOrd="0" presId="urn:microsoft.com/office/officeart/2005/8/layout/chevron1"/>
    <dgm:cxn modelId="{AC06DC95-4F94-4B96-964D-C68556B101DC}" type="presParOf" srcId="{D18DCE64-0A37-42AA-A531-988AA43D6CEA}" destId="{6B6A94B2-D532-4828-BB0E-DE6674E30471}" srcOrd="5" destOrd="0" presId="urn:microsoft.com/office/officeart/2005/8/layout/chevron1"/>
    <dgm:cxn modelId="{EEC6DDCF-C293-4A31-A17D-D78C31DA856F}" type="presParOf" srcId="{D18DCE64-0A37-42AA-A531-988AA43D6CEA}" destId="{4E287A8C-DF51-4E96-9F3E-E64C63616A49}" srcOrd="6" destOrd="0" presId="urn:microsoft.com/office/officeart/2005/8/layout/chevron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47F434EF-6C0E-4944-96C0-C43F61700F63}" type="doc">
      <dgm:prSet loTypeId="urn:microsoft.com/office/officeart/2005/8/layout/chevron1" loCatId="process" qsTypeId="urn:microsoft.com/office/officeart/2005/8/quickstyle/simple1" qsCatId="simple" csTypeId="urn:microsoft.com/office/officeart/2005/8/colors/accent3_2" csCatId="accent3" phldr="1"/>
      <dgm:spPr/>
    </dgm:pt>
    <dgm:pt modelId="{85DD24DC-CC29-4D04-B41D-4EBC61B8BD89}">
      <dgm:prSet phldrT="[Text]"/>
      <dgm:spPr/>
      <dgm:t>
        <a:bodyPr/>
        <a:lstStyle/>
        <a:p>
          <a:r>
            <a:rPr lang="de-DE" dirty="0"/>
            <a:t>Chunking</a:t>
          </a:r>
        </a:p>
      </dgm:t>
    </dgm:pt>
    <dgm:pt modelId="{07FAEB0F-4731-4496-9B96-3E5C541DD1A2}" type="parTrans" cxnId="{6B93108C-96EC-4498-9850-B9185000A520}">
      <dgm:prSet/>
      <dgm:spPr/>
      <dgm:t>
        <a:bodyPr/>
        <a:lstStyle/>
        <a:p>
          <a:endParaRPr lang="de-DE"/>
        </a:p>
      </dgm:t>
    </dgm:pt>
    <dgm:pt modelId="{AF3618BA-07EC-4540-878F-FCFDBD71CF85}" type="sibTrans" cxnId="{6B93108C-96EC-4498-9850-B9185000A520}">
      <dgm:prSet/>
      <dgm:spPr/>
      <dgm:t>
        <a:bodyPr/>
        <a:lstStyle/>
        <a:p>
          <a:endParaRPr lang="de-DE"/>
        </a:p>
      </dgm:t>
    </dgm:pt>
    <dgm:pt modelId="{6A745A9E-2D19-42C3-9BC1-8AEB253D64BF}">
      <dgm:prSet phldrT="[Text]"/>
      <dgm:spPr/>
      <dgm:t>
        <a:bodyPr/>
        <a:lstStyle/>
        <a:p>
          <a:r>
            <a:rPr lang="de-DE" dirty="0"/>
            <a:t>Metadaten + Zusammenfassung der Chunks</a:t>
          </a:r>
        </a:p>
      </dgm:t>
    </dgm:pt>
    <dgm:pt modelId="{32E6295C-1692-4931-A2FA-03270B68CBE9}" type="parTrans" cxnId="{DFF507D2-A619-48FA-A4BE-C4C5FE5F2836}">
      <dgm:prSet/>
      <dgm:spPr/>
      <dgm:t>
        <a:bodyPr/>
        <a:lstStyle/>
        <a:p>
          <a:endParaRPr lang="de-DE"/>
        </a:p>
      </dgm:t>
    </dgm:pt>
    <dgm:pt modelId="{5A6D6C17-7613-4A37-9E3F-8C842AC2219B}" type="sibTrans" cxnId="{DFF507D2-A619-48FA-A4BE-C4C5FE5F2836}">
      <dgm:prSet/>
      <dgm:spPr/>
      <dgm:t>
        <a:bodyPr/>
        <a:lstStyle/>
        <a:p>
          <a:endParaRPr lang="de-DE"/>
        </a:p>
      </dgm:t>
    </dgm:pt>
    <dgm:pt modelId="{E19C3883-B195-4268-96FD-752FD895EAC1}">
      <dgm:prSet phldrT="[Text]"/>
      <dgm:spPr/>
      <dgm:t>
        <a:bodyPr/>
        <a:lstStyle/>
        <a:p>
          <a:r>
            <a:rPr lang="de-DE" dirty="0"/>
            <a:t>Suchanfrage + Chunks + Zusammenfassung an das LLM</a:t>
          </a:r>
        </a:p>
      </dgm:t>
    </dgm:pt>
    <dgm:pt modelId="{D6D512B7-A041-467E-B551-EE9FB6BC4E94}" type="parTrans" cxnId="{6FC532EF-1C11-44BC-89BD-0AF40026FC17}">
      <dgm:prSet/>
      <dgm:spPr/>
      <dgm:t>
        <a:bodyPr/>
        <a:lstStyle/>
        <a:p>
          <a:endParaRPr lang="de-DE"/>
        </a:p>
      </dgm:t>
    </dgm:pt>
    <dgm:pt modelId="{952E0929-A790-4381-B424-0277841A2CC1}" type="sibTrans" cxnId="{6FC532EF-1C11-44BC-89BD-0AF40026FC17}">
      <dgm:prSet/>
      <dgm:spPr/>
      <dgm:t>
        <a:bodyPr/>
        <a:lstStyle/>
        <a:p>
          <a:endParaRPr lang="de-DE"/>
        </a:p>
      </dgm:t>
    </dgm:pt>
    <dgm:pt modelId="{61FD4F79-A980-4CDE-842A-109E454AA58C}">
      <dgm:prSet phldrT="[Text]"/>
      <dgm:spPr/>
      <dgm:t>
        <a:bodyPr/>
        <a:lstStyle/>
        <a:p>
          <a:r>
            <a:rPr lang="de-DE" dirty="0"/>
            <a:t>Darstellung der Suchtreffer im Browser</a:t>
          </a:r>
        </a:p>
      </dgm:t>
    </dgm:pt>
    <dgm:pt modelId="{A4C470C1-2135-4F08-AC5C-E9DE7E97E243}" type="parTrans" cxnId="{985F5A50-AE82-4639-947B-4F08EACDEDB5}">
      <dgm:prSet/>
      <dgm:spPr/>
      <dgm:t>
        <a:bodyPr/>
        <a:lstStyle/>
        <a:p>
          <a:endParaRPr lang="de-DE"/>
        </a:p>
      </dgm:t>
    </dgm:pt>
    <dgm:pt modelId="{F35D7AB6-D9A7-4B46-A734-56ACCE1B6FB3}" type="sibTrans" cxnId="{985F5A50-AE82-4639-947B-4F08EACDEDB5}">
      <dgm:prSet/>
      <dgm:spPr/>
      <dgm:t>
        <a:bodyPr/>
        <a:lstStyle/>
        <a:p>
          <a:endParaRPr lang="de-DE"/>
        </a:p>
      </dgm:t>
    </dgm:pt>
    <dgm:pt modelId="{D18DCE64-0A37-42AA-A531-988AA43D6CEA}" type="pres">
      <dgm:prSet presAssocID="{47F434EF-6C0E-4944-96C0-C43F61700F63}" presName="Name0" presStyleCnt="0">
        <dgm:presLayoutVars>
          <dgm:dir/>
          <dgm:animLvl val="lvl"/>
          <dgm:resizeHandles val="exact"/>
        </dgm:presLayoutVars>
      </dgm:prSet>
      <dgm:spPr/>
    </dgm:pt>
    <dgm:pt modelId="{BD90CBAC-E31C-4DC8-97BE-A9D450AF3FD2}" type="pres">
      <dgm:prSet presAssocID="{85DD24DC-CC29-4D04-B41D-4EBC61B8BD89}" presName="parTxOnly" presStyleLbl="node1" presStyleIdx="0" presStyleCnt="4">
        <dgm:presLayoutVars>
          <dgm:chMax val="0"/>
          <dgm:chPref val="0"/>
          <dgm:bulletEnabled val="1"/>
        </dgm:presLayoutVars>
      </dgm:prSet>
      <dgm:spPr/>
    </dgm:pt>
    <dgm:pt modelId="{A29CEB7F-0110-4ACF-981D-75E18C31921B}" type="pres">
      <dgm:prSet presAssocID="{AF3618BA-07EC-4540-878F-FCFDBD71CF85}" presName="parTxOnlySpace" presStyleCnt="0"/>
      <dgm:spPr/>
    </dgm:pt>
    <dgm:pt modelId="{03A907D2-4873-4F0C-8873-91F00ADA7CD6}" type="pres">
      <dgm:prSet presAssocID="{6A745A9E-2D19-42C3-9BC1-8AEB253D64BF}" presName="parTxOnly" presStyleLbl="node1" presStyleIdx="1" presStyleCnt="4">
        <dgm:presLayoutVars>
          <dgm:chMax val="0"/>
          <dgm:chPref val="0"/>
          <dgm:bulletEnabled val="1"/>
        </dgm:presLayoutVars>
      </dgm:prSet>
      <dgm:spPr/>
    </dgm:pt>
    <dgm:pt modelId="{F59E6674-1254-4B7A-B4BE-524C498D5A5A}" type="pres">
      <dgm:prSet presAssocID="{5A6D6C17-7613-4A37-9E3F-8C842AC2219B}" presName="parTxOnlySpace" presStyleCnt="0"/>
      <dgm:spPr/>
    </dgm:pt>
    <dgm:pt modelId="{60F192AD-2761-4273-BCAA-39ED9388A052}" type="pres">
      <dgm:prSet presAssocID="{E19C3883-B195-4268-96FD-752FD895EAC1}" presName="parTxOnly" presStyleLbl="node1" presStyleIdx="2" presStyleCnt="4">
        <dgm:presLayoutVars>
          <dgm:chMax val="0"/>
          <dgm:chPref val="0"/>
          <dgm:bulletEnabled val="1"/>
        </dgm:presLayoutVars>
      </dgm:prSet>
      <dgm:spPr/>
    </dgm:pt>
    <dgm:pt modelId="{6B6A94B2-D532-4828-BB0E-DE6674E30471}" type="pres">
      <dgm:prSet presAssocID="{952E0929-A790-4381-B424-0277841A2CC1}" presName="parTxOnlySpace" presStyleCnt="0"/>
      <dgm:spPr/>
    </dgm:pt>
    <dgm:pt modelId="{4E287A8C-DF51-4E96-9F3E-E64C63616A49}" type="pres">
      <dgm:prSet presAssocID="{61FD4F79-A980-4CDE-842A-109E454AA58C}" presName="parTxOnly" presStyleLbl="node1" presStyleIdx="3" presStyleCnt="4">
        <dgm:presLayoutVars>
          <dgm:chMax val="0"/>
          <dgm:chPref val="0"/>
          <dgm:bulletEnabled val="1"/>
        </dgm:presLayoutVars>
      </dgm:prSet>
      <dgm:spPr/>
    </dgm:pt>
  </dgm:ptLst>
  <dgm:cxnLst>
    <dgm:cxn modelId="{925B9300-F596-43BB-831B-D4A00DC5900B}" type="presOf" srcId="{61FD4F79-A980-4CDE-842A-109E454AA58C}" destId="{4E287A8C-DF51-4E96-9F3E-E64C63616A49}" srcOrd="0" destOrd="0" presId="urn:microsoft.com/office/officeart/2005/8/layout/chevron1"/>
    <dgm:cxn modelId="{4C71A71F-7DCF-4BBB-80E6-AC91D550C112}" type="presOf" srcId="{85DD24DC-CC29-4D04-B41D-4EBC61B8BD89}" destId="{BD90CBAC-E31C-4DC8-97BE-A9D450AF3FD2}" srcOrd="0" destOrd="0" presId="urn:microsoft.com/office/officeart/2005/8/layout/chevron1"/>
    <dgm:cxn modelId="{985F5A50-AE82-4639-947B-4F08EACDEDB5}" srcId="{47F434EF-6C0E-4944-96C0-C43F61700F63}" destId="{61FD4F79-A980-4CDE-842A-109E454AA58C}" srcOrd="3" destOrd="0" parTransId="{A4C470C1-2135-4F08-AC5C-E9DE7E97E243}" sibTransId="{F35D7AB6-D9A7-4B46-A734-56ACCE1B6FB3}"/>
    <dgm:cxn modelId="{3BCB537A-C918-42A6-BEF0-2AA957D4025B}" type="presOf" srcId="{6A745A9E-2D19-42C3-9BC1-8AEB253D64BF}" destId="{03A907D2-4873-4F0C-8873-91F00ADA7CD6}" srcOrd="0" destOrd="0" presId="urn:microsoft.com/office/officeart/2005/8/layout/chevron1"/>
    <dgm:cxn modelId="{6B93108C-96EC-4498-9850-B9185000A520}" srcId="{47F434EF-6C0E-4944-96C0-C43F61700F63}" destId="{85DD24DC-CC29-4D04-B41D-4EBC61B8BD89}" srcOrd="0" destOrd="0" parTransId="{07FAEB0F-4731-4496-9B96-3E5C541DD1A2}" sibTransId="{AF3618BA-07EC-4540-878F-FCFDBD71CF85}"/>
    <dgm:cxn modelId="{58D15496-C347-441E-8DA1-B72D5DCD85C1}" type="presOf" srcId="{E19C3883-B195-4268-96FD-752FD895EAC1}" destId="{60F192AD-2761-4273-BCAA-39ED9388A052}" srcOrd="0" destOrd="0" presId="urn:microsoft.com/office/officeart/2005/8/layout/chevron1"/>
    <dgm:cxn modelId="{16B3C1B1-1775-409E-9FC3-4B14A56E9672}" type="presOf" srcId="{47F434EF-6C0E-4944-96C0-C43F61700F63}" destId="{D18DCE64-0A37-42AA-A531-988AA43D6CEA}" srcOrd="0" destOrd="0" presId="urn:microsoft.com/office/officeart/2005/8/layout/chevron1"/>
    <dgm:cxn modelId="{DFF507D2-A619-48FA-A4BE-C4C5FE5F2836}" srcId="{47F434EF-6C0E-4944-96C0-C43F61700F63}" destId="{6A745A9E-2D19-42C3-9BC1-8AEB253D64BF}" srcOrd="1" destOrd="0" parTransId="{32E6295C-1692-4931-A2FA-03270B68CBE9}" sibTransId="{5A6D6C17-7613-4A37-9E3F-8C842AC2219B}"/>
    <dgm:cxn modelId="{6FC532EF-1C11-44BC-89BD-0AF40026FC17}" srcId="{47F434EF-6C0E-4944-96C0-C43F61700F63}" destId="{E19C3883-B195-4268-96FD-752FD895EAC1}" srcOrd="2" destOrd="0" parTransId="{D6D512B7-A041-467E-B551-EE9FB6BC4E94}" sibTransId="{952E0929-A790-4381-B424-0277841A2CC1}"/>
    <dgm:cxn modelId="{2C66EFBC-F5BF-42D6-ADA9-E6613C0CFE71}" type="presParOf" srcId="{D18DCE64-0A37-42AA-A531-988AA43D6CEA}" destId="{BD90CBAC-E31C-4DC8-97BE-A9D450AF3FD2}" srcOrd="0" destOrd="0" presId="urn:microsoft.com/office/officeart/2005/8/layout/chevron1"/>
    <dgm:cxn modelId="{E3F28F13-6B5A-43BE-8727-1657E93ACFD7}" type="presParOf" srcId="{D18DCE64-0A37-42AA-A531-988AA43D6CEA}" destId="{A29CEB7F-0110-4ACF-981D-75E18C31921B}" srcOrd="1" destOrd="0" presId="urn:microsoft.com/office/officeart/2005/8/layout/chevron1"/>
    <dgm:cxn modelId="{5B2CCF12-EF96-421F-8295-BB62C3A888FE}" type="presParOf" srcId="{D18DCE64-0A37-42AA-A531-988AA43D6CEA}" destId="{03A907D2-4873-4F0C-8873-91F00ADA7CD6}" srcOrd="2" destOrd="0" presId="urn:microsoft.com/office/officeart/2005/8/layout/chevron1"/>
    <dgm:cxn modelId="{537DBE8D-3A7D-4639-B705-E5677CCBE2B7}" type="presParOf" srcId="{D18DCE64-0A37-42AA-A531-988AA43D6CEA}" destId="{F59E6674-1254-4B7A-B4BE-524C498D5A5A}" srcOrd="3" destOrd="0" presId="urn:microsoft.com/office/officeart/2005/8/layout/chevron1"/>
    <dgm:cxn modelId="{2BA26EE9-AE4B-4FC3-883C-BBA93EF76AC0}" type="presParOf" srcId="{D18DCE64-0A37-42AA-A531-988AA43D6CEA}" destId="{60F192AD-2761-4273-BCAA-39ED9388A052}" srcOrd="4" destOrd="0" presId="urn:microsoft.com/office/officeart/2005/8/layout/chevron1"/>
    <dgm:cxn modelId="{AC06DC95-4F94-4B96-964D-C68556B101DC}" type="presParOf" srcId="{D18DCE64-0A37-42AA-A531-988AA43D6CEA}" destId="{6B6A94B2-D532-4828-BB0E-DE6674E30471}" srcOrd="5" destOrd="0" presId="urn:microsoft.com/office/officeart/2005/8/layout/chevron1"/>
    <dgm:cxn modelId="{EEC6DDCF-C293-4A31-A17D-D78C31DA856F}" type="presParOf" srcId="{D18DCE64-0A37-42AA-A531-988AA43D6CEA}" destId="{4E287A8C-DF51-4E96-9F3E-E64C63616A49}" srcOrd="6" destOrd="0" presId="urn:microsoft.com/office/officeart/2005/8/layout/chevron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47F434EF-6C0E-4944-96C0-C43F61700F63}" type="doc">
      <dgm:prSet loTypeId="urn:microsoft.com/office/officeart/2005/8/layout/chevron1" loCatId="process" qsTypeId="urn:microsoft.com/office/officeart/2005/8/quickstyle/simple1" qsCatId="simple" csTypeId="urn:microsoft.com/office/officeart/2005/8/colors/accent3_2" csCatId="accent3" phldr="1"/>
      <dgm:spPr/>
    </dgm:pt>
    <dgm:pt modelId="{85DD24DC-CC29-4D04-B41D-4EBC61B8BD89}">
      <dgm:prSet phldrT="[Text]"/>
      <dgm:spPr/>
      <dgm:t>
        <a:bodyPr/>
        <a:lstStyle/>
        <a:p>
          <a:r>
            <a:rPr lang="de-DE" dirty="0"/>
            <a:t>Chunking</a:t>
          </a:r>
        </a:p>
      </dgm:t>
    </dgm:pt>
    <dgm:pt modelId="{07FAEB0F-4731-4496-9B96-3E5C541DD1A2}" type="parTrans" cxnId="{6B93108C-96EC-4498-9850-B9185000A520}">
      <dgm:prSet/>
      <dgm:spPr/>
      <dgm:t>
        <a:bodyPr/>
        <a:lstStyle/>
        <a:p>
          <a:endParaRPr lang="de-DE"/>
        </a:p>
      </dgm:t>
    </dgm:pt>
    <dgm:pt modelId="{AF3618BA-07EC-4540-878F-FCFDBD71CF85}" type="sibTrans" cxnId="{6B93108C-96EC-4498-9850-B9185000A520}">
      <dgm:prSet/>
      <dgm:spPr/>
      <dgm:t>
        <a:bodyPr/>
        <a:lstStyle/>
        <a:p>
          <a:endParaRPr lang="de-DE"/>
        </a:p>
      </dgm:t>
    </dgm:pt>
    <dgm:pt modelId="{6A745A9E-2D19-42C3-9BC1-8AEB253D64BF}">
      <dgm:prSet phldrT="[Text]"/>
      <dgm:spPr/>
      <dgm:t>
        <a:bodyPr/>
        <a:lstStyle/>
        <a:p>
          <a:r>
            <a:rPr lang="de-DE" dirty="0"/>
            <a:t>Metadaten + Zusammenfassung der Chunks</a:t>
          </a:r>
        </a:p>
      </dgm:t>
    </dgm:pt>
    <dgm:pt modelId="{32E6295C-1692-4931-A2FA-03270B68CBE9}" type="parTrans" cxnId="{DFF507D2-A619-48FA-A4BE-C4C5FE5F2836}">
      <dgm:prSet/>
      <dgm:spPr/>
      <dgm:t>
        <a:bodyPr/>
        <a:lstStyle/>
        <a:p>
          <a:endParaRPr lang="de-DE"/>
        </a:p>
      </dgm:t>
    </dgm:pt>
    <dgm:pt modelId="{5A6D6C17-7613-4A37-9E3F-8C842AC2219B}" type="sibTrans" cxnId="{DFF507D2-A619-48FA-A4BE-C4C5FE5F2836}">
      <dgm:prSet/>
      <dgm:spPr/>
      <dgm:t>
        <a:bodyPr/>
        <a:lstStyle/>
        <a:p>
          <a:endParaRPr lang="de-DE"/>
        </a:p>
      </dgm:t>
    </dgm:pt>
    <dgm:pt modelId="{E19C3883-B195-4268-96FD-752FD895EAC1}">
      <dgm:prSet phldrT="[Text]"/>
      <dgm:spPr/>
      <dgm:t>
        <a:bodyPr/>
        <a:lstStyle/>
        <a:p>
          <a:r>
            <a:rPr lang="de-DE" dirty="0"/>
            <a:t>Suchanfrage + Chunks + Zusammenfassung an das LLM</a:t>
          </a:r>
        </a:p>
      </dgm:t>
    </dgm:pt>
    <dgm:pt modelId="{D6D512B7-A041-467E-B551-EE9FB6BC4E94}" type="parTrans" cxnId="{6FC532EF-1C11-44BC-89BD-0AF40026FC17}">
      <dgm:prSet/>
      <dgm:spPr/>
      <dgm:t>
        <a:bodyPr/>
        <a:lstStyle/>
        <a:p>
          <a:endParaRPr lang="de-DE"/>
        </a:p>
      </dgm:t>
    </dgm:pt>
    <dgm:pt modelId="{952E0929-A790-4381-B424-0277841A2CC1}" type="sibTrans" cxnId="{6FC532EF-1C11-44BC-89BD-0AF40026FC17}">
      <dgm:prSet/>
      <dgm:spPr/>
      <dgm:t>
        <a:bodyPr/>
        <a:lstStyle/>
        <a:p>
          <a:endParaRPr lang="de-DE"/>
        </a:p>
      </dgm:t>
    </dgm:pt>
    <dgm:pt modelId="{61FD4F79-A980-4CDE-842A-109E454AA58C}">
      <dgm:prSet phldrT="[Text]"/>
      <dgm:spPr/>
      <dgm:t>
        <a:bodyPr/>
        <a:lstStyle/>
        <a:p>
          <a:r>
            <a:rPr lang="de-DE" dirty="0"/>
            <a:t>Darstellung der Suchtreffer im Browser</a:t>
          </a:r>
        </a:p>
      </dgm:t>
    </dgm:pt>
    <dgm:pt modelId="{A4C470C1-2135-4F08-AC5C-E9DE7E97E243}" type="parTrans" cxnId="{985F5A50-AE82-4639-947B-4F08EACDEDB5}">
      <dgm:prSet/>
      <dgm:spPr/>
      <dgm:t>
        <a:bodyPr/>
        <a:lstStyle/>
        <a:p>
          <a:endParaRPr lang="de-DE"/>
        </a:p>
      </dgm:t>
    </dgm:pt>
    <dgm:pt modelId="{F35D7AB6-D9A7-4B46-A734-56ACCE1B6FB3}" type="sibTrans" cxnId="{985F5A50-AE82-4639-947B-4F08EACDEDB5}">
      <dgm:prSet/>
      <dgm:spPr/>
      <dgm:t>
        <a:bodyPr/>
        <a:lstStyle/>
        <a:p>
          <a:endParaRPr lang="de-DE"/>
        </a:p>
      </dgm:t>
    </dgm:pt>
    <dgm:pt modelId="{D18DCE64-0A37-42AA-A531-988AA43D6CEA}" type="pres">
      <dgm:prSet presAssocID="{47F434EF-6C0E-4944-96C0-C43F61700F63}" presName="Name0" presStyleCnt="0">
        <dgm:presLayoutVars>
          <dgm:dir/>
          <dgm:animLvl val="lvl"/>
          <dgm:resizeHandles val="exact"/>
        </dgm:presLayoutVars>
      </dgm:prSet>
      <dgm:spPr/>
    </dgm:pt>
    <dgm:pt modelId="{BD90CBAC-E31C-4DC8-97BE-A9D450AF3FD2}" type="pres">
      <dgm:prSet presAssocID="{85DD24DC-CC29-4D04-B41D-4EBC61B8BD89}" presName="parTxOnly" presStyleLbl="node1" presStyleIdx="0" presStyleCnt="4">
        <dgm:presLayoutVars>
          <dgm:chMax val="0"/>
          <dgm:chPref val="0"/>
          <dgm:bulletEnabled val="1"/>
        </dgm:presLayoutVars>
      </dgm:prSet>
      <dgm:spPr/>
    </dgm:pt>
    <dgm:pt modelId="{A29CEB7F-0110-4ACF-981D-75E18C31921B}" type="pres">
      <dgm:prSet presAssocID="{AF3618BA-07EC-4540-878F-FCFDBD71CF85}" presName="parTxOnlySpace" presStyleCnt="0"/>
      <dgm:spPr/>
    </dgm:pt>
    <dgm:pt modelId="{03A907D2-4873-4F0C-8873-91F00ADA7CD6}" type="pres">
      <dgm:prSet presAssocID="{6A745A9E-2D19-42C3-9BC1-8AEB253D64BF}" presName="parTxOnly" presStyleLbl="node1" presStyleIdx="1" presStyleCnt="4">
        <dgm:presLayoutVars>
          <dgm:chMax val="0"/>
          <dgm:chPref val="0"/>
          <dgm:bulletEnabled val="1"/>
        </dgm:presLayoutVars>
      </dgm:prSet>
      <dgm:spPr/>
    </dgm:pt>
    <dgm:pt modelId="{F59E6674-1254-4B7A-B4BE-524C498D5A5A}" type="pres">
      <dgm:prSet presAssocID="{5A6D6C17-7613-4A37-9E3F-8C842AC2219B}" presName="parTxOnlySpace" presStyleCnt="0"/>
      <dgm:spPr/>
    </dgm:pt>
    <dgm:pt modelId="{60F192AD-2761-4273-BCAA-39ED9388A052}" type="pres">
      <dgm:prSet presAssocID="{E19C3883-B195-4268-96FD-752FD895EAC1}" presName="parTxOnly" presStyleLbl="node1" presStyleIdx="2" presStyleCnt="4">
        <dgm:presLayoutVars>
          <dgm:chMax val="0"/>
          <dgm:chPref val="0"/>
          <dgm:bulletEnabled val="1"/>
        </dgm:presLayoutVars>
      </dgm:prSet>
      <dgm:spPr/>
    </dgm:pt>
    <dgm:pt modelId="{6B6A94B2-D532-4828-BB0E-DE6674E30471}" type="pres">
      <dgm:prSet presAssocID="{952E0929-A790-4381-B424-0277841A2CC1}" presName="parTxOnlySpace" presStyleCnt="0"/>
      <dgm:spPr/>
    </dgm:pt>
    <dgm:pt modelId="{4E287A8C-DF51-4E96-9F3E-E64C63616A49}" type="pres">
      <dgm:prSet presAssocID="{61FD4F79-A980-4CDE-842A-109E454AA58C}" presName="parTxOnly" presStyleLbl="node1" presStyleIdx="3" presStyleCnt="4">
        <dgm:presLayoutVars>
          <dgm:chMax val="0"/>
          <dgm:chPref val="0"/>
          <dgm:bulletEnabled val="1"/>
        </dgm:presLayoutVars>
      </dgm:prSet>
      <dgm:spPr/>
    </dgm:pt>
  </dgm:ptLst>
  <dgm:cxnLst>
    <dgm:cxn modelId="{925B9300-F596-43BB-831B-D4A00DC5900B}" type="presOf" srcId="{61FD4F79-A980-4CDE-842A-109E454AA58C}" destId="{4E287A8C-DF51-4E96-9F3E-E64C63616A49}" srcOrd="0" destOrd="0" presId="urn:microsoft.com/office/officeart/2005/8/layout/chevron1"/>
    <dgm:cxn modelId="{4C71A71F-7DCF-4BBB-80E6-AC91D550C112}" type="presOf" srcId="{85DD24DC-CC29-4D04-B41D-4EBC61B8BD89}" destId="{BD90CBAC-E31C-4DC8-97BE-A9D450AF3FD2}" srcOrd="0" destOrd="0" presId="urn:microsoft.com/office/officeart/2005/8/layout/chevron1"/>
    <dgm:cxn modelId="{985F5A50-AE82-4639-947B-4F08EACDEDB5}" srcId="{47F434EF-6C0E-4944-96C0-C43F61700F63}" destId="{61FD4F79-A980-4CDE-842A-109E454AA58C}" srcOrd="3" destOrd="0" parTransId="{A4C470C1-2135-4F08-AC5C-E9DE7E97E243}" sibTransId="{F35D7AB6-D9A7-4B46-A734-56ACCE1B6FB3}"/>
    <dgm:cxn modelId="{3BCB537A-C918-42A6-BEF0-2AA957D4025B}" type="presOf" srcId="{6A745A9E-2D19-42C3-9BC1-8AEB253D64BF}" destId="{03A907D2-4873-4F0C-8873-91F00ADA7CD6}" srcOrd="0" destOrd="0" presId="urn:microsoft.com/office/officeart/2005/8/layout/chevron1"/>
    <dgm:cxn modelId="{6B93108C-96EC-4498-9850-B9185000A520}" srcId="{47F434EF-6C0E-4944-96C0-C43F61700F63}" destId="{85DD24DC-CC29-4D04-B41D-4EBC61B8BD89}" srcOrd="0" destOrd="0" parTransId="{07FAEB0F-4731-4496-9B96-3E5C541DD1A2}" sibTransId="{AF3618BA-07EC-4540-878F-FCFDBD71CF85}"/>
    <dgm:cxn modelId="{58D15496-C347-441E-8DA1-B72D5DCD85C1}" type="presOf" srcId="{E19C3883-B195-4268-96FD-752FD895EAC1}" destId="{60F192AD-2761-4273-BCAA-39ED9388A052}" srcOrd="0" destOrd="0" presId="urn:microsoft.com/office/officeart/2005/8/layout/chevron1"/>
    <dgm:cxn modelId="{16B3C1B1-1775-409E-9FC3-4B14A56E9672}" type="presOf" srcId="{47F434EF-6C0E-4944-96C0-C43F61700F63}" destId="{D18DCE64-0A37-42AA-A531-988AA43D6CEA}" srcOrd="0" destOrd="0" presId="urn:microsoft.com/office/officeart/2005/8/layout/chevron1"/>
    <dgm:cxn modelId="{DFF507D2-A619-48FA-A4BE-C4C5FE5F2836}" srcId="{47F434EF-6C0E-4944-96C0-C43F61700F63}" destId="{6A745A9E-2D19-42C3-9BC1-8AEB253D64BF}" srcOrd="1" destOrd="0" parTransId="{32E6295C-1692-4931-A2FA-03270B68CBE9}" sibTransId="{5A6D6C17-7613-4A37-9E3F-8C842AC2219B}"/>
    <dgm:cxn modelId="{6FC532EF-1C11-44BC-89BD-0AF40026FC17}" srcId="{47F434EF-6C0E-4944-96C0-C43F61700F63}" destId="{E19C3883-B195-4268-96FD-752FD895EAC1}" srcOrd="2" destOrd="0" parTransId="{D6D512B7-A041-467E-B551-EE9FB6BC4E94}" sibTransId="{952E0929-A790-4381-B424-0277841A2CC1}"/>
    <dgm:cxn modelId="{2C66EFBC-F5BF-42D6-ADA9-E6613C0CFE71}" type="presParOf" srcId="{D18DCE64-0A37-42AA-A531-988AA43D6CEA}" destId="{BD90CBAC-E31C-4DC8-97BE-A9D450AF3FD2}" srcOrd="0" destOrd="0" presId="urn:microsoft.com/office/officeart/2005/8/layout/chevron1"/>
    <dgm:cxn modelId="{E3F28F13-6B5A-43BE-8727-1657E93ACFD7}" type="presParOf" srcId="{D18DCE64-0A37-42AA-A531-988AA43D6CEA}" destId="{A29CEB7F-0110-4ACF-981D-75E18C31921B}" srcOrd="1" destOrd="0" presId="urn:microsoft.com/office/officeart/2005/8/layout/chevron1"/>
    <dgm:cxn modelId="{5B2CCF12-EF96-421F-8295-BB62C3A888FE}" type="presParOf" srcId="{D18DCE64-0A37-42AA-A531-988AA43D6CEA}" destId="{03A907D2-4873-4F0C-8873-91F00ADA7CD6}" srcOrd="2" destOrd="0" presId="urn:microsoft.com/office/officeart/2005/8/layout/chevron1"/>
    <dgm:cxn modelId="{537DBE8D-3A7D-4639-B705-E5677CCBE2B7}" type="presParOf" srcId="{D18DCE64-0A37-42AA-A531-988AA43D6CEA}" destId="{F59E6674-1254-4B7A-B4BE-524C498D5A5A}" srcOrd="3" destOrd="0" presId="urn:microsoft.com/office/officeart/2005/8/layout/chevron1"/>
    <dgm:cxn modelId="{2BA26EE9-AE4B-4FC3-883C-BBA93EF76AC0}" type="presParOf" srcId="{D18DCE64-0A37-42AA-A531-988AA43D6CEA}" destId="{60F192AD-2761-4273-BCAA-39ED9388A052}" srcOrd="4" destOrd="0" presId="urn:microsoft.com/office/officeart/2005/8/layout/chevron1"/>
    <dgm:cxn modelId="{AC06DC95-4F94-4B96-964D-C68556B101DC}" type="presParOf" srcId="{D18DCE64-0A37-42AA-A531-988AA43D6CEA}" destId="{6B6A94B2-D532-4828-BB0E-DE6674E30471}" srcOrd="5" destOrd="0" presId="urn:microsoft.com/office/officeart/2005/8/layout/chevron1"/>
    <dgm:cxn modelId="{EEC6DDCF-C293-4A31-A17D-D78C31DA856F}" type="presParOf" srcId="{D18DCE64-0A37-42AA-A531-988AA43D6CEA}" destId="{4E287A8C-DF51-4E96-9F3E-E64C63616A49}" srcOrd="6" destOrd="0" presId="urn:microsoft.com/office/officeart/2005/8/layout/chevron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47F434EF-6C0E-4944-96C0-C43F61700F63}" type="doc">
      <dgm:prSet loTypeId="urn:microsoft.com/office/officeart/2005/8/layout/chevron1" loCatId="process" qsTypeId="urn:microsoft.com/office/officeart/2005/8/quickstyle/simple1" qsCatId="simple" csTypeId="urn:microsoft.com/office/officeart/2005/8/colors/accent3_2" csCatId="accent3" phldr="1"/>
      <dgm:spPr/>
    </dgm:pt>
    <dgm:pt modelId="{85DD24DC-CC29-4D04-B41D-4EBC61B8BD89}">
      <dgm:prSet phldrT="[Text]"/>
      <dgm:spPr/>
      <dgm:t>
        <a:bodyPr/>
        <a:lstStyle/>
        <a:p>
          <a:r>
            <a:rPr lang="de-DE" dirty="0"/>
            <a:t>Chunking</a:t>
          </a:r>
        </a:p>
      </dgm:t>
    </dgm:pt>
    <dgm:pt modelId="{07FAEB0F-4731-4496-9B96-3E5C541DD1A2}" type="parTrans" cxnId="{6B93108C-96EC-4498-9850-B9185000A520}">
      <dgm:prSet/>
      <dgm:spPr/>
      <dgm:t>
        <a:bodyPr/>
        <a:lstStyle/>
        <a:p>
          <a:endParaRPr lang="de-DE"/>
        </a:p>
      </dgm:t>
    </dgm:pt>
    <dgm:pt modelId="{AF3618BA-07EC-4540-878F-FCFDBD71CF85}" type="sibTrans" cxnId="{6B93108C-96EC-4498-9850-B9185000A520}">
      <dgm:prSet/>
      <dgm:spPr/>
      <dgm:t>
        <a:bodyPr/>
        <a:lstStyle/>
        <a:p>
          <a:endParaRPr lang="de-DE"/>
        </a:p>
      </dgm:t>
    </dgm:pt>
    <dgm:pt modelId="{6A745A9E-2D19-42C3-9BC1-8AEB253D64BF}">
      <dgm:prSet phldrT="[Text]"/>
      <dgm:spPr/>
      <dgm:t>
        <a:bodyPr/>
        <a:lstStyle/>
        <a:p>
          <a:r>
            <a:rPr lang="de-DE" dirty="0"/>
            <a:t>Metadaten + Zusammenfassung der Chunks</a:t>
          </a:r>
        </a:p>
      </dgm:t>
    </dgm:pt>
    <dgm:pt modelId="{32E6295C-1692-4931-A2FA-03270B68CBE9}" type="parTrans" cxnId="{DFF507D2-A619-48FA-A4BE-C4C5FE5F2836}">
      <dgm:prSet/>
      <dgm:spPr/>
      <dgm:t>
        <a:bodyPr/>
        <a:lstStyle/>
        <a:p>
          <a:endParaRPr lang="de-DE"/>
        </a:p>
      </dgm:t>
    </dgm:pt>
    <dgm:pt modelId="{5A6D6C17-7613-4A37-9E3F-8C842AC2219B}" type="sibTrans" cxnId="{DFF507D2-A619-48FA-A4BE-C4C5FE5F2836}">
      <dgm:prSet/>
      <dgm:spPr/>
      <dgm:t>
        <a:bodyPr/>
        <a:lstStyle/>
        <a:p>
          <a:endParaRPr lang="de-DE"/>
        </a:p>
      </dgm:t>
    </dgm:pt>
    <dgm:pt modelId="{E19C3883-B195-4268-96FD-752FD895EAC1}">
      <dgm:prSet phldrT="[Text]"/>
      <dgm:spPr/>
      <dgm:t>
        <a:bodyPr/>
        <a:lstStyle/>
        <a:p>
          <a:r>
            <a:rPr lang="de-DE" dirty="0"/>
            <a:t>Suchanfrage + Chunks + Zusammenfassung an das LLM</a:t>
          </a:r>
        </a:p>
      </dgm:t>
    </dgm:pt>
    <dgm:pt modelId="{D6D512B7-A041-467E-B551-EE9FB6BC4E94}" type="parTrans" cxnId="{6FC532EF-1C11-44BC-89BD-0AF40026FC17}">
      <dgm:prSet/>
      <dgm:spPr/>
      <dgm:t>
        <a:bodyPr/>
        <a:lstStyle/>
        <a:p>
          <a:endParaRPr lang="de-DE"/>
        </a:p>
      </dgm:t>
    </dgm:pt>
    <dgm:pt modelId="{952E0929-A790-4381-B424-0277841A2CC1}" type="sibTrans" cxnId="{6FC532EF-1C11-44BC-89BD-0AF40026FC17}">
      <dgm:prSet/>
      <dgm:spPr/>
      <dgm:t>
        <a:bodyPr/>
        <a:lstStyle/>
        <a:p>
          <a:endParaRPr lang="de-DE"/>
        </a:p>
      </dgm:t>
    </dgm:pt>
    <dgm:pt modelId="{61FD4F79-A980-4CDE-842A-109E454AA58C}">
      <dgm:prSet phldrT="[Text]"/>
      <dgm:spPr/>
      <dgm:t>
        <a:bodyPr/>
        <a:lstStyle/>
        <a:p>
          <a:r>
            <a:rPr lang="de-DE" dirty="0"/>
            <a:t>Darstellung der Suchtreffer im Browser</a:t>
          </a:r>
        </a:p>
      </dgm:t>
    </dgm:pt>
    <dgm:pt modelId="{A4C470C1-2135-4F08-AC5C-E9DE7E97E243}" type="parTrans" cxnId="{985F5A50-AE82-4639-947B-4F08EACDEDB5}">
      <dgm:prSet/>
      <dgm:spPr/>
      <dgm:t>
        <a:bodyPr/>
        <a:lstStyle/>
        <a:p>
          <a:endParaRPr lang="de-DE"/>
        </a:p>
      </dgm:t>
    </dgm:pt>
    <dgm:pt modelId="{F35D7AB6-D9A7-4B46-A734-56ACCE1B6FB3}" type="sibTrans" cxnId="{985F5A50-AE82-4639-947B-4F08EACDEDB5}">
      <dgm:prSet/>
      <dgm:spPr/>
      <dgm:t>
        <a:bodyPr/>
        <a:lstStyle/>
        <a:p>
          <a:endParaRPr lang="de-DE"/>
        </a:p>
      </dgm:t>
    </dgm:pt>
    <dgm:pt modelId="{D18DCE64-0A37-42AA-A531-988AA43D6CEA}" type="pres">
      <dgm:prSet presAssocID="{47F434EF-6C0E-4944-96C0-C43F61700F63}" presName="Name0" presStyleCnt="0">
        <dgm:presLayoutVars>
          <dgm:dir/>
          <dgm:animLvl val="lvl"/>
          <dgm:resizeHandles val="exact"/>
        </dgm:presLayoutVars>
      </dgm:prSet>
      <dgm:spPr/>
    </dgm:pt>
    <dgm:pt modelId="{BD90CBAC-E31C-4DC8-97BE-A9D450AF3FD2}" type="pres">
      <dgm:prSet presAssocID="{85DD24DC-CC29-4D04-B41D-4EBC61B8BD89}" presName="parTxOnly" presStyleLbl="node1" presStyleIdx="0" presStyleCnt="4">
        <dgm:presLayoutVars>
          <dgm:chMax val="0"/>
          <dgm:chPref val="0"/>
          <dgm:bulletEnabled val="1"/>
        </dgm:presLayoutVars>
      </dgm:prSet>
      <dgm:spPr/>
    </dgm:pt>
    <dgm:pt modelId="{A29CEB7F-0110-4ACF-981D-75E18C31921B}" type="pres">
      <dgm:prSet presAssocID="{AF3618BA-07EC-4540-878F-FCFDBD71CF85}" presName="parTxOnlySpace" presStyleCnt="0"/>
      <dgm:spPr/>
    </dgm:pt>
    <dgm:pt modelId="{03A907D2-4873-4F0C-8873-91F00ADA7CD6}" type="pres">
      <dgm:prSet presAssocID="{6A745A9E-2D19-42C3-9BC1-8AEB253D64BF}" presName="parTxOnly" presStyleLbl="node1" presStyleIdx="1" presStyleCnt="4">
        <dgm:presLayoutVars>
          <dgm:chMax val="0"/>
          <dgm:chPref val="0"/>
          <dgm:bulletEnabled val="1"/>
        </dgm:presLayoutVars>
      </dgm:prSet>
      <dgm:spPr/>
    </dgm:pt>
    <dgm:pt modelId="{F59E6674-1254-4B7A-B4BE-524C498D5A5A}" type="pres">
      <dgm:prSet presAssocID="{5A6D6C17-7613-4A37-9E3F-8C842AC2219B}" presName="parTxOnlySpace" presStyleCnt="0"/>
      <dgm:spPr/>
    </dgm:pt>
    <dgm:pt modelId="{60F192AD-2761-4273-BCAA-39ED9388A052}" type="pres">
      <dgm:prSet presAssocID="{E19C3883-B195-4268-96FD-752FD895EAC1}" presName="parTxOnly" presStyleLbl="node1" presStyleIdx="2" presStyleCnt="4">
        <dgm:presLayoutVars>
          <dgm:chMax val="0"/>
          <dgm:chPref val="0"/>
          <dgm:bulletEnabled val="1"/>
        </dgm:presLayoutVars>
      </dgm:prSet>
      <dgm:spPr/>
    </dgm:pt>
    <dgm:pt modelId="{6B6A94B2-D532-4828-BB0E-DE6674E30471}" type="pres">
      <dgm:prSet presAssocID="{952E0929-A790-4381-B424-0277841A2CC1}" presName="parTxOnlySpace" presStyleCnt="0"/>
      <dgm:spPr/>
    </dgm:pt>
    <dgm:pt modelId="{4E287A8C-DF51-4E96-9F3E-E64C63616A49}" type="pres">
      <dgm:prSet presAssocID="{61FD4F79-A980-4CDE-842A-109E454AA58C}" presName="parTxOnly" presStyleLbl="node1" presStyleIdx="3" presStyleCnt="4">
        <dgm:presLayoutVars>
          <dgm:chMax val="0"/>
          <dgm:chPref val="0"/>
          <dgm:bulletEnabled val="1"/>
        </dgm:presLayoutVars>
      </dgm:prSet>
      <dgm:spPr/>
    </dgm:pt>
  </dgm:ptLst>
  <dgm:cxnLst>
    <dgm:cxn modelId="{925B9300-F596-43BB-831B-D4A00DC5900B}" type="presOf" srcId="{61FD4F79-A980-4CDE-842A-109E454AA58C}" destId="{4E287A8C-DF51-4E96-9F3E-E64C63616A49}" srcOrd="0" destOrd="0" presId="urn:microsoft.com/office/officeart/2005/8/layout/chevron1"/>
    <dgm:cxn modelId="{4C71A71F-7DCF-4BBB-80E6-AC91D550C112}" type="presOf" srcId="{85DD24DC-CC29-4D04-B41D-4EBC61B8BD89}" destId="{BD90CBAC-E31C-4DC8-97BE-A9D450AF3FD2}" srcOrd="0" destOrd="0" presId="urn:microsoft.com/office/officeart/2005/8/layout/chevron1"/>
    <dgm:cxn modelId="{985F5A50-AE82-4639-947B-4F08EACDEDB5}" srcId="{47F434EF-6C0E-4944-96C0-C43F61700F63}" destId="{61FD4F79-A980-4CDE-842A-109E454AA58C}" srcOrd="3" destOrd="0" parTransId="{A4C470C1-2135-4F08-AC5C-E9DE7E97E243}" sibTransId="{F35D7AB6-D9A7-4B46-A734-56ACCE1B6FB3}"/>
    <dgm:cxn modelId="{3BCB537A-C918-42A6-BEF0-2AA957D4025B}" type="presOf" srcId="{6A745A9E-2D19-42C3-9BC1-8AEB253D64BF}" destId="{03A907D2-4873-4F0C-8873-91F00ADA7CD6}" srcOrd="0" destOrd="0" presId="urn:microsoft.com/office/officeart/2005/8/layout/chevron1"/>
    <dgm:cxn modelId="{6B93108C-96EC-4498-9850-B9185000A520}" srcId="{47F434EF-6C0E-4944-96C0-C43F61700F63}" destId="{85DD24DC-CC29-4D04-B41D-4EBC61B8BD89}" srcOrd="0" destOrd="0" parTransId="{07FAEB0F-4731-4496-9B96-3E5C541DD1A2}" sibTransId="{AF3618BA-07EC-4540-878F-FCFDBD71CF85}"/>
    <dgm:cxn modelId="{58D15496-C347-441E-8DA1-B72D5DCD85C1}" type="presOf" srcId="{E19C3883-B195-4268-96FD-752FD895EAC1}" destId="{60F192AD-2761-4273-BCAA-39ED9388A052}" srcOrd="0" destOrd="0" presId="urn:microsoft.com/office/officeart/2005/8/layout/chevron1"/>
    <dgm:cxn modelId="{16B3C1B1-1775-409E-9FC3-4B14A56E9672}" type="presOf" srcId="{47F434EF-6C0E-4944-96C0-C43F61700F63}" destId="{D18DCE64-0A37-42AA-A531-988AA43D6CEA}" srcOrd="0" destOrd="0" presId="urn:microsoft.com/office/officeart/2005/8/layout/chevron1"/>
    <dgm:cxn modelId="{DFF507D2-A619-48FA-A4BE-C4C5FE5F2836}" srcId="{47F434EF-6C0E-4944-96C0-C43F61700F63}" destId="{6A745A9E-2D19-42C3-9BC1-8AEB253D64BF}" srcOrd="1" destOrd="0" parTransId="{32E6295C-1692-4931-A2FA-03270B68CBE9}" sibTransId="{5A6D6C17-7613-4A37-9E3F-8C842AC2219B}"/>
    <dgm:cxn modelId="{6FC532EF-1C11-44BC-89BD-0AF40026FC17}" srcId="{47F434EF-6C0E-4944-96C0-C43F61700F63}" destId="{E19C3883-B195-4268-96FD-752FD895EAC1}" srcOrd="2" destOrd="0" parTransId="{D6D512B7-A041-467E-B551-EE9FB6BC4E94}" sibTransId="{952E0929-A790-4381-B424-0277841A2CC1}"/>
    <dgm:cxn modelId="{2C66EFBC-F5BF-42D6-ADA9-E6613C0CFE71}" type="presParOf" srcId="{D18DCE64-0A37-42AA-A531-988AA43D6CEA}" destId="{BD90CBAC-E31C-4DC8-97BE-A9D450AF3FD2}" srcOrd="0" destOrd="0" presId="urn:microsoft.com/office/officeart/2005/8/layout/chevron1"/>
    <dgm:cxn modelId="{E3F28F13-6B5A-43BE-8727-1657E93ACFD7}" type="presParOf" srcId="{D18DCE64-0A37-42AA-A531-988AA43D6CEA}" destId="{A29CEB7F-0110-4ACF-981D-75E18C31921B}" srcOrd="1" destOrd="0" presId="urn:microsoft.com/office/officeart/2005/8/layout/chevron1"/>
    <dgm:cxn modelId="{5B2CCF12-EF96-421F-8295-BB62C3A888FE}" type="presParOf" srcId="{D18DCE64-0A37-42AA-A531-988AA43D6CEA}" destId="{03A907D2-4873-4F0C-8873-91F00ADA7CD6}" srcOrd="2" destOrd="0" presId="urn:microsoft.com/office/officeart/2005/8/layout/chevron1"/>
    <dgm:cxn modelId="{537DBE8D-3A7D-4639-B705-E5677CCBE2B7}" type="presParOf" srcId="{D18DCE64-0A37-42AA-A531-988AA43D6CEA}" destId="{F59E6674-1254-4B7A-B4BE-524C498D5A5A}" srcOrd="3" destOrd="0" presId="urn:microsoft.com/office/officeart/2005/8/layout/chevron1"/>
    <dgm:cxn modelId="{2BA26EE9-AE4B-4FC3-883C-BBA93EF76AC0}" type="presParOf" srcId="{D18DCE64-0A37-42AA-A531-988AA43D6CEA}" destId="{60F192AD-2761-4273-BCAA-39ED9388A052}" srcOrd="4" destOrd="0" presId="urn:microsoft.com/office/officeart/2005/8/layout/chevron1"/>
    <dgm:cxn modelId="{AC06DC95-4F94-4B96-964D-C68556B101DC}" type="presParOf" srcId="{D18DCE64-0A37-42AA-A531-988AA43D6CEA}" destId="{6B6A94B2-D532-4828-BB0E-DE6674E30471}" srcOrd="5" destOrd="0" presId="urn:microsoft.com/office/officeart/2005/8/layout/chevron1"/>
    <dgm:cxn modelId="{EEC6DDCF-C293-4A31-A17D-D78C31DA856F}" type="presParOf" srcId="{D18DCE64-0A37-42AA-A531-988AA43D6CEA}" destId="{4E287A8C-DF51-4E96-9F3E-E64C63616A49}" srcOrd="6" destOrd="0" presId="urn:microsoft.com/office/officeart/2005/8/layout/chevron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47F434EF-6C0E-4944-96C0-C43F61700F63}" type="doc">
      <dgm:prSet loTypeId="urn:microsoft.com/office/officeart/2005/8/layout/chevron1" loCatId="process" qsTypeId="urn:microsoft.com/office/officeart/2005/8/quickstyle/simple1" qsCatId="simple" csTypeId="urn:microsoft.com/office/officeart/2005/8/colors/accent3_2" csCatId="accent3" phldr="1"/>
      <dgm:spPr/>
    </dgm:pt>
    <dgm:pt modelId="{85DD24DC-CC29-4D04-B41D-4EBC61B8BD89}">
      <dgm:prSet phldrT="[Text]"/>
      <dgm:spPr/>
      <dgm:t>
        <a:bodyPr/>
        <a:lstStyle/>
        <a:p>
          <a:r>
            <a:rPr lang="de-DE" dirty="0"/>
            <a:t>Chunking</a:t>
          </a:r>
        </a:p>
      </dgm:t>
    </dgm:pt>
    <dgm:pt modelId="{07FAEB0F-4731-4496-9B96-3E5C541DD1A2}" type="parTrans" cxnId="{6B93108C-96EC-4498-9850-B9185000A520}">
      <dgm:prSet/>
      <dgm:spPr/>
      <dgm:t>
        <a:bodyPr/>
        <a:lstStyle/>
        <a:p>
          <a:endParaRPr lang="de-DE"/>
        </a:p>
      </dgm:t>
    </dgm:pt>
    <dgm:pt modelId="{AF3618BA-07EC-4540-878F-FCFDBD71CF85}" type="sibTrans" cxnId="{6B93108C-96EC-4498-9850-B9185000A520}">
      <dgm:prSet/>
      <dgm:spPr/>
      <dgm:t>
        <a:bodyPr/>
        <a:lstStyle/>
        <a:p>
          <a:endParaRPr lang="de-DE"/>
        </a:p>
      </dgm:t>
    </dgm:pt>
    <dgm:pt modelId="{6A745A9E-2D19-42C3-9BC1-8AEB253D64BF}">
      <dgm:prSet phldrT="[Text]"/>
      <dgm:spPr/>
      <dgm:t>
        <a:bodyPr/>
        <a:lstStyle/>
        <a:p>
          <a:r>
            <a:rPr lang="de-DE" dirty="0"/>
            <a:t>Metadaten + Zusammenfassung der Chunks</a:t>
          </a:r>
        </a:p>
      </dgm:t>
    </dgm:pt>
    <dgm:pt modelId="{32E6295C-1692-4931-A2FA-03270B68CBE9}" type="parTrans" cxnId="{DFF507D2-A619-48FA-A4BE-C4C5FE5F2836}">
      <dgm:prSet/>
      <dgm:spPr/>
      <dgm:t>
        <a:bodyPr/>
        <a:lstStyle/>
        <a:p>
          <a:endParaRPr lang="de-DE"/>
        </a:p>
      </dgm:t>
    </dgm:pt>
    <dgm:pt modelId="{5A6D6C17-7613-4A37-9E3F-8C842AC2219B}" type="sibTrans" cxnId="{DFF507D2-A619-48FA-A4BE-C4C5FE5F2836}">
      <dgm:prSet/>
      <dgm:spPr/>
      <dgm:t>
        <a:bodyPr/>
        <a:lstStyle/>
        <a:p>
          <a:endParaRPr lang="de-DE"/>
        </a:p>
      </dgm:t>
    </dgm:pt>
    <dgm:pt modelId="{E19C3883-B195-4268-96FD-752FD895EAC1}">
      <dgm:prSet phldrT="[Text]"/>
      <dgm:spPr/>
      <dgm:t>
        <a:bodyPr/>
        <a:lstStyle/>
        <a:p>
          <a:r>
            <a:rPr lang="de-DE" dirty="0"/>
            <a:t>Suchanfrage + Chunks + Zusammenfassung an das LLM</a:t>
          </a:r>
        </a:p>
      </dgm:t>
    </dgm:pt>
    <dgm:pt modelId="{D6D512B7-A041-467E-B551-EE9FB6BC4E94}" type="parTrans" cxnId="{6FC532EF-1C11-44BC-89BD-0AF40026FC17}">
      <dgm:prSet/>
      <dgm:spPr/>
      <dgm:t>
        <a:bodyPr/>
        <a:lstStyle/>
        <a:p>
          <a:endParaRPr lang="de-DE"/>
        </a:p>
      </dgm:t>
    </dgm:pt>
    <dgm:pt modelId="{952E0929-A790-4381-B424-0277841A2CC1}" type="sibTrans" cxnId="{6FC532EF-1C11-44BC-89BD-0AF40026FC17}">
      <dgm:prSet/>
      <dgm:spPr/>
      <dgm:t>
        <a:bodyPr/>
        <a:lstStyle/>
        <a:p>
          <a:endParaRPr lang="de-DE"/>
        </a:p>
      </dgm:t>
    </dgm:pt>
    <dgm:pt modelId="{61FD4F79-A980-4CDE-842A-109E454AA58C}">
      <dgm:prSet phldrT="[Text]"/>
      <dgm:spPr/>
      <dgm:t>
        <a:bodyPr/>
        <a:lstStyle/>
        <a:p>
          <a:r>
            <a:rPr lang="de-DE" dirty="0"/>
            <a:t>Darstellung der Suchtreffer im Browser</a:t>
          </a:r>
        </a:p>
      </dgm:t>
    </dgm:pt>
    <dgm:pt modelId="{A4C470C1-2135-4F08-AC5C-E9DE7E97E243}" type="parTrans" cxnId="{985F5A50-AE82-4639-947B-4F08EACDEDB5}">
      <dgm:prSet/>
      <dgm:spPr/>
      <dgm:t>
        <a:bodyPr/>
        <a:lstStyle/>
        <a:p>
          <a:endParaRPr lang="de-DE"/>
        </a:p>
      </dgm:t>
    </dgm:pt>
    <dgm:pt modelId="{F35D7AB6-D9A7-4B46-A734-56ACCE1B6FB3}" type="sibTrans" cxnId="{985F5A50-AE82-4639-947B-4F08EACDEDB5}">
      <dgm:prSet/>
      <dgm:spPr/>
      <dgm:t>
        <a:bodyPr/>
        <a:lstStyle/>
        <a:p>
          <a:endParaRPr lang="de-DE"/>
        </a:p>
      </dgm:t>
    </dgm:pt>
    <dgm:pt modelId="{D18DCE64-0A37-42AA-A531-988AA43D6CEA}" type="pres">
      <dgm:prSet presAssocID="{47F434EF-6C0E-4944-96C0-C43F61700F63}" presName="Name0" presStyleCnt="0">
        <dgm:presLayoutVars>
          <dgm:dir/>
          <dgm:animLvl val="lvl"/>
          <dgm:resizeHandles val="exact"/>
        </dgm:presLayoutVars>
      </dgm:prSet>
      <dgm:spPr/>
    </dgm:pt>
    <dgm:pt modelId="{BD90CBAC-E31C-4DC8-97BE-A9D450AF3FD2}" type="pres">
      <dgm:prSet presAssocID="{85DD24DC-CC29-4D04-B41D-4EBC61B8BD89}" presName="parTxOnly" presStyleLbl="node1" presStyleIdx="0" presStyleCnt="4">
        <dgm:presLayoutVars>
          <dgm:chMax val="0"/>
          <dgm:chPref val="0"/>
          <dgm:bulletEnabled val="1"/>
        </dgm:presLayoutVars>
      </dgm:prSet>
      <dgm:spPr/>
    </dgm:pt>
    <dgm:pt modelId="{A29CEB7F-0110-4ACF-981D-75E18C31921B}" type="pres">
      <dgm:prSet presAssocID="{AF3618BA-07EC-4540-878F-FCFDBD71CF85}" presName="parTxOnlySpace" presStyleCnt="0"/>
      <dgm:spPr/>
    </dgm:pt>
    <dgm:pt modelId="{03A907D2-4873-4F0C-8873-91F00ADA7CD6}" type="pres">
      <dgm:prSet presAssocID="{6A745A9E-2D19-42C3-9BC1-8AEB253D64BF}" presName="parTxOnly" presStyleLbl="node1" presStyleIdx="1" presStyleCnt="4">
        <dgm:presLayoutVars>
          <dgm:chMax val="0"/>
          <dgm:chPref val="0"/>
          <dgm:bulletEnabled val="1"/>
        </dgm:presLayoutVars>
      </dgm:prSet>
      <dgm:spPr/>
    </dgm:pt>
    <dgm:pt modelId="{F59E6674-1254-4B7A-B4BE-524C498D5A5A}" type="pres">
      <dgm:prSet presAssocID="{5A6D6C17-7613-4A37-9E3F-8C842AC2219B}" presName="parTxOnlySpace" presStyleCnt="0"/>
      <dgm:spPr/>
    </dgm:pt>
    <dgm:pt modelId="{60F192AD-2761-4273-BCAA-39ED9388A052}" type="pres">
      <dgm:prSet presAssocID="{E19C3883-B195-4268-96FD-752FD895EAC1}" presName="parTxOnly" presStyleLbl="node1" presStyleIdx="2" presStyleCnt="4">
        <dgm:presLayoutVars>
          <dgm:chMax val="0"/>
          <dgm:chPref val="0"/>
          <dgm:bulletEnabled val="1"/>
        </dgm:presLayoutVars>
      </dgm:prSet>
      <dgm:spPr/>
    </dgm:pt>
    <dgm:pt modelId="{6B6A94B2-D532-4828-BB0E-DE6674E30471}" type="pres">
      <dgm:prSet presAssocID="{952E0929-A790-4381-B424-0277841A2CC1}" presName="parTxOnlySpace" presStyleCnt="0"/>
      <dgm:spPr/>
    </dgm:pt>
    <dgm:pt modelId="{4E287A8C-DF51-4E96-9F3E-E64C63616A49}" type="pres">
      <dgm:prSet presAssocID="{61FD4F79-A980-4CDE-842A-109E454AA58C}" presName="parTxOnly" presStyleLbl="node1" presStyleIdx="3" presStyleCnt="4">
        <dgm:presLayoutVars>
          <dgm:chMax val="0"/>
          <dgm:chPref val="0"/>
          <dgm:bulletEnabled val="1"/>
        </dgm:presLayoutVars>
      </dgm:prSet>
      <dgm:spPr/>
    </dgm:pt>
  </dgm:ptLst>
  <dgm:cxnLst>
    <dgm:cxn modelId="{925B9300-F596-43BB-831B-D4A00DC5900B}" type="presOf" srcId="{61FD4F79-A980-4CDE-842A-109E454AA58C}" destId="{4E287A8C-DF51-4E96-9F3E-E64C63616A49}" srcOrd="0" destOrd="0" presId="urn:microsoft.com/office/officeart/2005/8/layout/chevron1"/>
    <dgm:cxn modelId="{4C71A71F-7DCF-4BBB-80E6-AC91D550C112}" type="presOf" srcId="{85DD24DC-CC29-4D04-B41D-4EBC61B8BD89}" destId="{BD90CBAC-E31C-4DC8-97BE-A9D450AF3FD2}" srcOrd="0" destOrd="0" presId="urn:microsoft.com/office/officeart/2005/8/layout/chevron1"/>
    <dgm:cxn modelId="{985F5A50-AE82-4639-947B-4F08EACDEDB5}" srcId="{47F434EF-6C0E-4944-96C0-C43F61700F63}" destId="{61FD4F79-A980-4CDE-842A-109E454AA58C}" srcOrd="3" destOrd="0" parTransId="{A4C470C1-2135-4F08-AC5C-E9DE7E97E243}" sibTransId="{F35D7AB6-D9A7-4B46-A734-56ACCE1B6FB3}"/>
    <dgm:cxn modelId="{3BCB537A-C918-42A6-BEF0-2AA957D4025B}" type="presOf" srcId="{6A745A9E-2D19-42C3-9BC1-8AEB253D64BF}" destId="{03A907D2-4873-4F0C-8873-91F00ADA7CD6}" srcOrd="0" destOrd="0" presId="urn:microsoft.com/office/officeart/2005/8/layout/chevron1"/>
    <dgm:cxn modelId="{6B93108C-96EC-4498-9850-B9185000A520}" srcId="{47F434EF-6C0E-4944-96C0-C43F61700F63}" destId="{85DD24DC-CC29-4D04-B41D-4EBC61B8BD89}" srcOrd="0" destOrd="0" parTransId="{07FAEB0F-4731-4496-9B96-3E5C541DD1A2}" sibTransId="{AF3618BA-07EC-4540-878F-FCFDBD71CF85}"/>
    <dgm:cxn modelId="{58D15496-C347-441E-8DA1-B72D5DCD85C1}" type="presOf" srcId="{E19C3883-B195-4268-96FD-752FD895EAC1}" destId="{60F192AD-2761-4273-BCAA-39ED9388A052}" srcOrd="0" destOrd="0" presId="urn:microsoft.com/office/officeart/2005/8/layout/chevron1"/>
    <dgm:cxn modelId="{16B3C1B1-1775-409E-9FC3-4B14A56E9672}" type="presOf" srcId="{47F434EF-6C0E-4944-96C0-C43F61700F63}" destId="{D18DCE64-0A37-42AA-A531-988AA43D6CEA}" srcOrd="0" destOrd="0" presId="urn:microsoft.com/office/officeart/2005/8/layout/chevron1"/>
    <dgm:cxn modelId="{DFF507D2-A619-48FA-A4BE-C4C5FE5F2836}" srcId="{47F434EF-6C0E-4944-96C0-C43F61700F63}" destId="{6A745A9E-2D19-42C3-9BC1-8AEB253D64BF}" srcOrd="1" destOrd="0" parTransId="{32E6295C-1692-4931-A2FA-03270B68CBE9}" sibTransId="{5A6D6C17-7613-4A37-9E3F-8C842AC2219B}"/>
    <dgm:cxn modelId="{6FC532EF-1C11-44BC-89BD-0AF40026FC17}" srcId="{47F434EF-6C0E-4944-96C0-C43F61700F63}" destId="{E19C3883-B195-4268-96FD-752FD895EAC1}" srcOrd="2" destOrd="0" parTransId="{D6D512B7-A041-467E-B551-EE9FB6BC4E94}" sibTransId="{952E0929-A790-4381-B424-0277841A2CC1}"/>
    <dgm:cxn modelId="{2C66EFBC-F5BF-42D6-ADA9-E6613C0CFE71}" type="presParOf" srcId="{D18DCE64-0A37-42AA-A531-988AA43D6CEA}" destId="{BD90CBAC-E31C-4DC8-97BE-A9D450AF3FD2}" srcOrd="0" destOrd="0" presId="urn:microsoft.com/office/officeart/2005/8/layout/chevron1"/>
    <dgm:cxn modelId="{E3F28F13-6B5A-43BE-8727-1657E93ACFD7}" type="presParOf" srcId="{D18DCE64-0A37-42AA-A531-988AA43D6CEA}" destId="{A29CEB7F-0110-4ACF-981D-75E18C31921B}" srcOrd="1" destOrd="0" presId="urn:microsoft.com/office/officeart/2005/8/layout/chevron1"/>
    <dgm:cxn modelId="{5B2CCF12-EF96-421F-8295-BB62C3A888FE}" type="presParOf" srcId="{D18DCE64-0A37-42AA-A531-988AA43D6CEA}" destId="{03A907D2-4873-4F0C-8873-91F00ADA7CD6}" srcOrd="2" destOrd="0" presId="urn:microsoft.com/office/officeart/2005/8/layout/chevron1"/>
    <dgm:cxn modelId="{537DBE8D-3A7D-4639-B705-E5677CCBE2B7}" type="presParOf" srcId="{D18DCE64-0A37-42AA-A531-988AA43D6CEA}" destId="{F59E6674-1254-4B7A-B4BE-524C498D5A5A}" srcOrd="3" destOrd="0" presId="urn:microsoft.com/office/officeart/2005/8/layout/chevron1"/>
    <dgm:cxn modelId="{2BA26EE9-AE4B-4FC3-883C-BBA93EF76AC0}" type="presParOf" srcId="{D18DCE64-0A37-42AA-A531-988AA43D6CEA}" destId="{60F192AD-2761-4273-BCAA-39ED9388A052}" srcOrd="4" destOrd="0" presId="urn:microsoft.com/office/officeart/2005/8/layout/chevron1"/>
    <dgm:cxn modelId="{AC06DC95-4F94-4B96-964D-C68556B101DC}" type="presParOf" srcId="{D18DCE64-0A37-42AA-A531-988AA43D6CEA}" destId="{6B6A94B2-D532-4828-BB0E-DE6674E30471}" srcOrd="5" destOrd="0" presId="urn:microsoft.com/office/officeart/2005/8/layout/chevron1"/>
    <dgm:cxn modelId="{EEC6DDCF-C293-4A31-A17D-D78C31DA856F}" type="presParOf" srcId="{D18DCE64-0A37-42AA-A531-988AA43D6CEA}" destId="{4E287A8C-DF51-4E96-9F3E-E64C63616A49}" srcOrd="6" destOrd="0" presId="urn:microsoft.com/office/officeart/2005/8/layout/chevron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D90CBAC-E31C-4DC8-97BE-A9D450AF3FD2}">
      <dsp:nvSpPr>
        <dsp:cNvPr id="0" name=""/>
        <dsp:cNvSpPr/>
      </dsp:nvSpPr>
      <dsp:spPr>
        <a:xfrm>
          <a:off x="4317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Chunking</a:t>
          </a:r>
        </a:p>
      </dsp:txBody>
      <dsp:txXfrm>
        <a:off x="507015" y="1562617"/>
        <a:ext cx="1508094" cy="1005395"/>
      </dsp:txXfrm>
    </dsp:sp>
    <dsp:sp modelId="{03A907D2-4873-4F0C-8873-91F00ADA7CD6}">
      <dsp:nvSpPr>
        <dsp:cNvPr id="0" name=""/>
        <dsp:cNvSpPr/>
      </dsp:nvSpPr>
      <dsp:spPr>
        <a:xfrm>
          <a:off x="2266458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Zusammenfassung Chunks</a:t>
          </a:r>
        </a:p>
      </dsp:txBody>
      <dsp:txXfrm>
        <a:off x="2769156" y="1562617"/>
        <a:ext cx="1508094" cy="1005395"/>
      </dsp:txXfrm>
    </dsp:sp>
    <dsp:sp modelId="{60F192AD-2761-4273-BCAA-39ED9388A052}">
      <dsp:nvSpPr>
        <dsp:cNvPr id="0" name=""/>
        <dsp:cNvSpPr/>
      </dsp:nvSpPr>
      <dsp:spPr>
        <a:xfrm>
          <a:off x="4528599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Suchanfrage + Chunks + Zusammenfassung an das LLM</a:t>
          </a:r>
        </a:p>
      </dsp:txBody>
      <dsp:txXfrm>
        <a:off x="5031297" y="1562617"/>
        <a:ext cx="1508094" cy="1005395"/>
      </dsp:txXfrm>
    </dsp:sp>
    <dsp:sp modelId="{4E287A8C-DF51-4E96-9F3E-E64C63616A49}">
      <dsp:nvSpPr>
        <dsp:cNvPr id="0" name=""/>
        <dsp:cNvSpPr/>
      </dsp:nvSpPr>
      <dsp:spPr>
        <a:xfrm>
          <a:off x="6790740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Darstellung der Suchtreffer im Browser</a:t>
          </a:r>
        </a:p>
      </dsp:txBody>
      <dsp:txXfrm>
        <a:off x="7293438" y="1562617"/>
        <a:ext cx="1508094" cy="1005395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D90CBAC-E31C-4DC8-97BE-A9D450AF3FD2}">
      <dsp:nvSpPr>
        <dsp:cNvPr id="0" name=""/>
        <dsp:cNvSpPr/>
      </dsp:nvSpPr>
      <dsp:spPr>
        <a:xfrm>
          <a:off x="4317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Chunking</a:t>
          </a:r>
        </a:p>
      </dsp:txBody>
      <dsp:txXfrm>
        <a:off x="507015" y="1562617"/>
        <a:ext cx="1508094" cy="1005395"/>
      </dsp:txXfrm>
    </dsp:sp>
    <dsp:sp modelId="{03A907D2-4873-4F0C-8873-91F00ADA7CD6}">
      <dsp:nvSpPr>
        <dsp:cNvPr id="0" name=""/>
        <dsp:cNvSpPr/>
      </dsp:nvSpPr>
      <dsp:spPr>
        <a:xfrm>
          <a:off x="2266458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Metadaten + Zusammenfassung der Chunks</a:t>
          </a:r>
        </a:p>
      </dsp:txBody>
      <dsp:txXfrm>
        <a:off x="2769156" y="1562617"/>
        <a:ext cx="1508094" cy="1005395"/>
      </dsp:txXfrm>
    </dsp:sp>
    <dsp:sp modelId="{60F192AD-2761-4273-BCAA-39ED9388A052}">
      <dsp:nvSpPr>
        <dsp:cNvPr id="0" name=""/>
        <dsp:cNvSpPr/>
      </dsp:nvSpPr>
      <dsp:spPr>
        <a:xfrm>
          <a:off x="4528599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Suchanfrage + Chunks + Zusammenfassung an das LLM</a:t>
          </a:r>
        </a:p>
      </dsp:txBody>
      <dsp:txXfrm>
        <a:off x="5031297" y="1562617"/>
        <a:ext cx="1508094" cy="1005395"/>
      </dsp:txXfrm>
    </dsp:sp>
    <dsp:sp modelId="{4E287A8C-DF51-4E96-9F3E-E64C63616A49}">
      <dsp:nvSpPr>
        <dsp:cNvPr id="0" name=""/>
        <dsp:cNvSpPr/>
      </dsp:nvSpPr>
      <dsp:spPr>
        <a:xfrm>
          <a:off x="6790740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Darstellung der Suchtreffer im Browser</a:t>
          </a:r>
        </a:p>
      </dsp:txBody>
      <dsp:txXfrm>
        <a:off x="7293438" y="1562617"/>
        <a:ext cx="1508094" cy="1005395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D90CBAC-E31C-4DC8-97BE-A9D450AF3FD2}">
      <dsp:nvSpPr>
        <dsp:cNvPr id="0" name=""/>
        <dsp:cNvSpPr/>
      </dsp:nvSpPr>
      <dsp:spPr>
        <a:xfrm>
          <a:off x="4317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Chunking</a:t>
          </a:r>
        </a:p>
      </dsp:txBody>
      <dsp:txXfrm>
        <a:off x="507015" y="1562617"/>
        <a:ext cx="1508094" cy="1005395"/>
      </dsp:txXfrm>
    </dsp:sp>
    <dsp:sp modelId="{03A907D2-4873-4F0C-8873-91F00ADA7CD6}">
      <dsp:nvSpPr>
        <dsp:cNvPr id="0" name=""/>
        <dsp:cNvSpPr/>
      </dsp:nvSpPr>
      <dsp:spPr>
        <a:xfrm>
          <a:off x="2266458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Metadaten + Zusammenfassung der Chunks</a:t>
          </a:r>
        </a:p>
      </dsp:txBody>
      <dsp:txXfrm>
        <a:off x="2769156" y="1562617"/>
        <a:ext cx="1508094" cy="1005395"/>
      </dsp:txXfrm>
    </dsp:sp>
    <dsp:sp modelId="{60F192AD-2761-4273-BCAA-39ED9388A052}">
      <dsp:nvSpPr>
        <dsp:cNvPr id="0" name=""/>
        <dsp:cNvSpPr/>
      </dsp:nvSpPr>
      <dsp:spPr>
        <a:xfrm>
          <a:off x="4528599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Suchanfrage + Chunks + Zusammenfassung an das LLM</a:t>
          </a:r>
        </a:p>
      </dsp:txBody>
      <dsp:txXfrm>
        <a:off x="5031297" y="1562617"/>
        <a:ext cx="1508094" cy="1005395"/>
      </dsp:txXfrm>
    </dsp:sp>
    <dsp:sp modelId="{4E287A8C-DF51-4E96-9F3E-E64C63616A49}">
      <dsp:nvSpPr>
        <dsp:cNvPr id="0" name=""/>
        <dsp:cNvSpPr/>
      </dsp:nvSpPr>
      <dsp:spPr>
        <a:xfrm>
          <a:off x="6790740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Darstellung der Suchtreffer im Browser</a:t>
          </a:r>
        </a:p>
      </dsp:txBody>
      <dsp:txXfrm>
        <a:off x="7293438" y="1562617"/>
        <a:ext cx="1508094" cy="1005395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D90CBAC-E31C-4DC8-97BE-A9D450AF3FD2}">
      <dsp:nvSpPr>
        <dsp:cNvPr id="0" name=""/>
        <dsp:cNvSpPr/>
      </dsp:nvSpPr>
      <dsp:spPr>
        <a:xfrm>
          <a:off x="4317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Chunking</a:t>
          </a:r>
        </a:p>
      </dsp:txBody>
      <dsp:txXfrm>
        <a:off x="507015" y="1562617"/>
        <a:ext cx="1508094" cy="1005395"/>
      </dsp:txXfrm>
    </dsp:sp>
    <dsp:sp modelId="{03A907D2-4873-4F0C-8873-91F00ADA7CD6}">
      <dsp:nvSpPr>
        <dsp:cNvPr id="0" name=""/>
        <dsp:cNvSpPr/>
      </dsp:nvSpPr>
      <dsp:spPr>
        <a:xfrm>
          <a:off x="2266458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Metadaten + Zusammenfassung der Chunks</a:t>
          </a:r>
        </a:p>
      </dsp:txBody>
      <dsp:txXfrm>
        <a:off x="2769156" y="1562617"/>
        <a:ext cx="1508094" cy="1005395"/>
      </dsp:txXfrm>
    </dsp:sp>
    <dsp:sp modelId="{60F192AD-2761-4273-BCAA-39ED9388A052}">
      <dsp:nvSpPr>
        <dsp:cNvPr id="0" name=""/>
        <dsp:cNvSpPr/>
      </dsp:nvSpPr>
      <dsp:spPr>
        <a:xfrm>
          <a:off x="4528599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Suchanfrage + Chunks + Zusammenfassung an das LLM</a:t>
          </a:r>
        </a:p>
      </dsp:txBody>
      <dsp:txXfrm>
        <a:off x="5031297" y="1562617"/>
        <a:ext cx="1508094" cy="1005395"/>
      </dsp:txXfrm>
    </dsp:sp>
    <dsp:sp modelId="{4E287A8C-DF51-4E96-9F3E-E64C63616A49}">
      <dsp:nvSpPr>
        <dsp:cNvPr id="0" name=""/>
        <dsp:cNvSpPr/>
      </dsp:nvSpPr>
      <dsp:spPr>
        <a:xfrm>
          <a:off x="6790740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Darstellung der Suchtreffer im Browser</a:t>
          </a:r>
        </a:p>
      </dsp:txBody>
      <dsp:txXfrm>
        <a:off x="7293438" y="1562617"/>
        <a:ext cx="1508094" cy="1005395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D90CBAC-E31C-4DC8-97BE-A9D450AF3FD2}">
      <dsp:nvSpPr>
        <dsp:cNvPr id="0" name=""/>
        <dsp:cNvSpPr/>
      </dsp:nvSpPr>
      <dsp:spPr>
        <a:xfrm>
          <a:off x="4317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Chunking</a:t>
          </a:r>
        </a:p>
      </dsp:txBody>
      <dsp:txXfrm>
        <a:off x="507015" y="1562617"/>
        <a:ext cx="1508094" cy="1005395"/>
      </dsp:txXfrm>
    </dsp:sp>
    <dsp:sp modelId="{03A907D2-4873-4F0C-8873-91F00ADA7CD6}">
      <dsp:nvSpPr>
        <dsp:cNvPr id="0" name=""/>
        <dsp:cNvSpPr/>
      </dsp:nvSpPr>
      <dsp:spPr>
        <a:xfrm>
          <a:off x="2266458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Metadaten + Zusammenfassung der Chunks</a:t>
          </a:r>
        </a:p>
      </dsp:txBody>
      <dsp:txXfrm>
        <a:off x="2769156" y="1562617"/>
        <a:ext cx="1508094" cy="1005395"/>
      </dsp:txXfrm>
    </dsp:sp>
    <dsp:sp modelId="{60F192AD-2761-4273-BCAA-39ED9388A052}">
      <dsp:nvSpPr>
        <dsp:cNvPr id="0" name=""/>
        <dsp:cNvSpPr/>
      </dsp:nvSpPr>
      <dsp:spPr>
        <a:xfrm>
          <a:off x="4528599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Suchanfrage + Chunks + Zusammenfassung an das LLM</a:t>
          </a:r>
        </a:p>
      </dsp:txBody>
      <dsp:txXfrm>
        <a:off x="5031297" y="1562617"/>
        <a:ext cx="1508094" cy="1005395"/>
      </dsp:txXfrm>
    </dsp:sp>
    <dsp:sp modelId="{4E287A8C-DF51-4E96-9F3E-E64C63616A49}">
      <dsp:nvSpPr>
        <dsp:cNvPr id="0" name=""/>
        <dsp:cNvSpPr/>
      </dsp:nvSpPr>
      <dsp:spPr>
        <a:xfrm>
          <a:off x="6790740" y="1562617"/>
          <a:ext cx="2513489" cy="100539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6007" tIns="18669" rIns="18669" bIns="18669" numCol="1" spcCol="1270" anchor="ctr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400" kern="1200" dirty="0"/>
            <a:t>Darstellung der Suchtreffer im Browser</a:t>
          </a:r>
        </a:p>
      </dsp:txBody>
      <dsp:txXfrm>
        <a:off x="7293438" y="1562617"/>
        <a:ext cx="1508094" cy="1005395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chevron1">
  <dgm:title val=""/>
  <dgm:desc val=""/>
  <dgm:catLst>
    <dgm:cat type="process" pri="9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des" func="maxDepth" op="gte" val="2">
        <dgm:constrLst>
          <dgm:constr type="h" for="ch" forName="composite" refType="h"/>
          <dgm:constr type="w" for="ch" forName="composite" refType="w"/>
          <dgm:constr type="w" for="des" forName="parTx"/>
          <dgm:constr type="h" for="des" forName="parTx" op="equ"/>
          <dgm:constr type="w" for="des" forName="desTx"/>
          <dgm:constr type="h" for="des" forName="desTx" op="equ"/>
          <dgm:constr type="primFontSz" for="des" forName="parTx" val="65"/>
          <dgm:constr type="secFontSz" for="des" forName="desTx" refType="primFontSz" refFor="des" refForName="parTx" op="equ"/>
          <dgm:constr type="h" for="des" forName="parTx" refType="primFontSz" refFor="des" refForName="parTx" fact="1.5"/>
          <dgm:constr type="h" for="des" forName="desTx" refType="primFontSz" refFor="des" refForName="parTx" fact="0.5"/>
          <dgm:constr type="w" for="ch" forName="space" op="equ" val="-6"/>
        </dgm:constrLst>
        <dgm:ruleLst>
          <dgm:rule type="w" for="ch" forName="composite" val="0" fact="NaN" max="NaN"/>
          <dgm:rule type="primFontSz" for="des" forName="parTx" val="5" fact="NaN" max="NaN"/>
        </dgm:ruleLst>
        <dgm:forEach name="Name6" axis="ch" ptType="node">
          <dgm:layoutNode name="composite">
            <dgm:alg type="composite"/>
            <dgm:shape xmlns:r="http://schemas.openxmlformats.org/officeDocument/2006/relationships" r:blip="">
              <dgm:adjLst/>
            </dgm:shape>
            <dgm:presOf/>
            <dgm:choose name="Name7">
              <dgm:if name="Name8" func="var" arg="dir" op="equ" val="norm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if>
              <dgm:else name="Name9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 refType="w" fact="0.2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else>
            </dgm:choose>
            <dgm:ruleLst>
              <dgm:rule type="h" val="INF" fact="NaN" max="NaN"/>
            </dgm:ruleLst>
            <dgm:layoutNode name="parTx">
              <dgm:varLst>
                <dgm:chMax val="0"/>
                <dgm:chPref val="0"/>
                <dgm:bulletEnabled val="1"/>
              </dgm:varLst>
              <dgm:alg type="tx"/>
              <dgm:choose name="Name10">
                <dgm:if name="Name11" func="var" arg="dir" op="equ" val="norm">
                  <dgm:shape xmlns:r="http://schemas.openxmlformats.org/officeDocument/2006/relationships" type="chevron" r:blip="">
                    <dgm:adjLst/>
                  </dgm:shape>
                </dgm:if>
                <dgm:else name="Name12">
                  <dgm:shape xmlns:r="http://schemas.openxmlformats.org/officeDocument/2006/relationships" rot="180" type="chevron" r:blip="">
                    <dgm:adjLst/>
                  </dgm:shape>
                </dgm:else>
              </dgm:choose>
              <dgm:presOf axis="self" ptType="node"/>
              <dgm:choose name="Name13">
                <dgm:if name="Name14" func="var" arg="dir" op="equ" val="norm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315"/>
                    <dgm:constr type="rMarg" refType="primFontSz" fact="0.105"/>
                  </dgm:constrLst>
                </dgm:if>
                <dgm:else name="Name15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105"/>
                    <dgm:constr type="rMarg" refType="primFontSz" fact="0.315"/>
                  </dgm:constrLst>
                </dgm:else>
              </dgm:choose>
              <dgm:ruleLst>
                <dgm:rule type="h" val="INF" fact="NaN" max="NaN"/>
              </dgm:ruleLst>
            </dgm:layoutNode>
            <dgm:layoutNode name="desTx" styleLbl="revTx">
              <dgm:varLst>
                <dgm:bulletEnabled val="1"/>
              </dgm:varLst>
              <dgm:alg type="tx">
                <dgm:param type="stBulletLvl" val="1"/>
              </dgm:alg>
              <dgm:choose name="Name16">
                <dgm:if name="Name17" axis="ch" ptType="node" func="cnt" op="gte" val="1">
                  <dgm:shape xmlns:r="http://schemas.openxmlformats.org/officeDocument/2006/relationships" type="rect" r:blip="">
                    <dgm:adjLst/>
                  </dgm:shape>
                </dgm:if>
                <dgm:else name="Name18">
                  <dgm:shape xmlns:r="http://schemas.openxmlformats.org/officeDocument/2006/relationships" type="rect" r:blip="" hideGeom="1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h"/>
                <dgm:constr type="tMarg"/>
                <dgm:constr type="bMarg"/>
                <dgm:constr type="rMarg"/>
                <dgm:constr type="lMarg"/>
              </dgm:constrLst>
              <dgm:ruleLst>
                <dgm:rule type="h" val="INF" fact="NaN" max="NaN"/>
              </dgm:ruleLst>
            </dgm:layoutNode>
          </dgm:layoutNode>
          <dgm:forEach name="Name19" axis="followSib" ptType="sibTrans" cnt="1">
            <dgm:layoutNode name="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20">
        <dgm:constrLst>
          <dgm:constr type="w" for="ch" forName="parTxOnly" refType="w"/>
          <dgm:constr type="h" for="des" forName="parTxOnly" op="equ"/>
          <dgm:constr type="primFontSz" for="des" forName="parTxOnly" op="equ" val="65"/>
          <dgm:constr type="w" for="ch" forName="parTxOnlySpace" refType="w" refFor="ch" refForName="parTxOnly" fact="-0.1"/>
        </dgm:constrLst>
        <dgm:ruleLst/>
        <dgm:forEach name="Name21" axis="ch" ptType="node">
          <dgm:layoutNode name="parTxOnly">
            <dgm:varLst>
              <dgm:chMax val="0"/>
              <dgm:chPref val="0"/>
              <dgm:bulletEnabled val="1"/>
            </dgm:varLst>
            <dgm:alg type="tx"/>
            <dgm:choose name="Name22">
              <dgm:if name="Name23" func="var" arg="dir" op="equ" val="norm">
                <dgm:shape xmlns:r="http://schemas.openxmlformats.org/officeDocument/2006/relationships" type="chevron" r:blip="">
                  <dgm:adjLst/>
                </dgm:shape>
              </dgm:if>
              <dgm:else name="Name24">
                <dgm:shape xmlns:r="http://schemas.openxmlformats.org/officeDocument/2006/relationships" rot="180" type="chevron" r:blip="">
                  <dgm:adjLst/>
                </dgm:shape>
              </dgm:else>
            </dgm:choose>
            <dgm:presOf axis="self" ptType="node"/>
            <dgm:choose name="Name25">
              <dgm:if name="Name26" func="var" arg="dir" op="equ" val="norm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315"/>
                  <dgm:constr type="rMarg" refType="primFontSz" fact="0.105"/>
                </dgm:constrLst>
              </dgm:if>
              <dgm:else name="Name27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105"/>
                  <dgm:constr type="rMarg" refType="primFontSz" fact="0.315"/>
                </dgm:constrLst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TxOnly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chevron1">
  <dgm:title val=""/>
  <dgm:desc val=""/>
  <dgm:catLst>
    <dgm:cat type="process" pri="9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des" func="maxDepth" op="gte" val="2">
        <dgm:constrLst>
          <dgm:constr type="h" for="ch" forName="composite" refType="h"/>
          <dgm:constr type="w" for="ch" forName="composite" refType="w"/>
          <dgm:constr type="w" for="des" forName="parTx"/>
          <dgm:constr type="h" for="des" forName="parTx" op="equ"/>
          <dgm:constr type="w" for="des" forName="desTx"/>
          <dgm:constr type="h" for="des" forName="desTx" op="equ"/>
          <dgm:constr type="primFontSz" for="des" forName="parTx" val="65"/>
          <dgm:constr type="secFontSz" for="des" forName="desTx" refType="primFontSz" refFor="des" refForName="parTx" op="equ"/>
          <dgm:constr type="h" for="des" forName="parTx" refType="primFontSz" refFor="des" refForName="parTx" fact="1.5"/>
          <dgm:constr type="h" for="des" forName="desTx" refType="primFontSz" refFor="des" refForName="parTx" fact="0.5"/>
          <dgm:constr type="w" for="ch" forName="space" op="equ" val="-6"/>
        </dgm:constrLst>
        <dgm:ruleLst>
          <dgm:rule type="w" for="ch" forName="composite" val="0" fact="NaN" max="NaN"/>
          <dgm:rule type="primFontSz" for="des" forName="parTx" val="5" fact="NaN" max="NaN"/>
        </dgm:ruleLst>
        <dgm:forEach name="Name6" axis="ch" ptType="node">
          <dgm:layoutNode name="composite">
            <dgm:alg type="composite"/>
            <dgm:shape xmlns:r="http://schemas.openxmlformats.org/officeDocument/2006/relationships" r:blip="">
              <dgm:adjLst/>
            </dgm:shape>
            <dgm:presOf/>
            <dgm:choose name="Name7">
              <dgm:if name="Name8" func="var" arg="dir" op="equ" val="norm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if>
              <dgm:else name="Name9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 refType="w" fact="0.2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else>
            </dgm:choose>
            <dgm:ruleLst>
              <dgm:rule type="h" val="INF" fact="NaN" max="NaN"/>
            </dgm:ruleLst>
            <dgm:layoutNode name="parTx">
              <dgm:varLst>
                <dgm:chMax val="0"/>
                <dgm:chPref val="0"/>
                <dgm:bulletEnabled val="1"/>
              </dgm:varLst>
              <dgm:alg type="tx"/>
              <dgm:choose name="Name10">
                <dgm:if name="Name11" func="var" arg="dir" op="equ" val="norm">
                  <dgm:shape xmlns:r="http://schemas.openxmlformats.org/officeDocument/2006/relationships" type="chevron" r:blip="">
                    <dgm:adjLst/>
                  </dgm:shape>
                </dgm:if>
                <dgm:else name="Name12">
                  <dgm:shape xmlns:r="http://schemas.openxmlformats.org/officeDocument/2006/relationships" rot="180" type="chevron" r:blip="">
                    <dgm:adjLst/>
                  </dgm:shape>
                </dgm:else>
              </dgm:choose>
              <dgm:presOf axis="self" ptType="node"/>
              <dgm:choose name="Name13">
                <dgm:if name="Name14" func="var" arg="dir" op="equ" val="norm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315"/>
                    <dgm:constr type="rMarg" refType="primFontSz" fact="0.105"/>
                  </dgm:constrLst>
                </dgm:if>
                <dgm:else name="Name15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105"/>
                    <dgm:constr type="rMarg" refType="primFontSz" fact="0.315"/>
                  </dgm:constrLst>
                </dgm:else>
              </dgm:choose>
              <dgm:ruleLst>
                <dgm:rule type="h" val="INF" fact="NaN" max="NaN"/>
              </dgm:ruleLst>
            </dgm:layoutNode>
            <dgm:layoutNode name="desTx" styleLbl="revTx">
              <dgm:varLst>
                <dgm:bulletEnabled val="1"/>
              </dgm:varLst>
              <dgm:alg type="tx">
                <dgm:param type="stBulletLvl" val="1"/>
              </dgm:alg>
              <dgm:choose name="Name16">
                <dgm:if name="Name17" axis="ch" ptType="node" func="cnt" op="gte" val="1">
                  <dgm:shape xmlns:r="http://schemas.openxmlformats.org/officeDocument/2006/relationships" type="rect" r:blip="">
                    <dgm:adjLst/>
                  </dgm:shape>
                </dgm:if>
                <dgm:else name="Name18">
                  <dgm:shape xmlns:r="http://schemas.openxmlformats.org/officeDocument/2006/relationships" type="rect" r:blip="" hideGeom="1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h"/>
                <dgm:constr type="tMarg"/>
                <dgm:constr type="bMarg"/>
                <dgm:constr type="rMarg"/>
                <dgm:constr type="lMarg"/>
              </dgm:constrLst>
              <dgm:ruleLst>
                <dgm:rule type="h" val="INF" fact="NaN" max="NaN"/>
              </dgm:ruleLst>
            </dgm:layoutNode>
          </dgm:layoutNode>
          <dgm:forEach name="Name19" axis="followSib" ptType="sibTrans" cnt="1">
            <dgm:layoutNode name="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20">
        <dgm:constrLst>
          <dgm:constr type="w" for="ch" forName="parTxOnly" refType="w"/>
          <dgm:constr type="h" for="des" forName="parTxOnly" op="equ"/>
          <dgm:constr type="primFontSz" for="des" forName="parTxOnly" op="equ" val="65"/>
          <dgm:constr type="w" for="ch" forName="parTxOnlySpace" refType="w" refFor="ch" refForName="parTxOnly" fact="-0.1"/>
        </dgm:constrLst>
        <dgm:ruleLst/>
        <dgm:forEach name="Name21" axis="ch" ptType="node">
          <dgm:layoutNode name="parTxOnly">
            <dgm:varLst>
              <dgm:chMax val="0"/>
              <dgm:chPref val="0"/>
              <dgm:bulletEnabled val="1"/>
            </dgm:varLst>
            <dgm:alg type="tx"/>
            <dgm:choose name="Name22">
              <dgm:if name="Name23" func="var" arg="dir" op="equ" val="norm">
                <dgm:shape xmlns:r="http://schemas.openxmlformats.org/officeDocument/2006/relationships" type="chevron" r:blip="">
                  <dgm:adjLst/>
                </dgm:shape>
              </dgm:if>
              <dgm:else name="Name24">
                <dgm:shape xmlns:r="http://schemas.openxmlformats.org/officeDocument/2006/relationships" rot="180" type="chevron" r:blip="">
                  <dgm:adjLst/>
                </dgm:shape>
              </dgm:else>
            </dgm:choose>
            <dgm:presOf axis="self" ptType="node"/>
            <dgm:choose name="Name25">
              <dgm:if name="Name26" func="var" arg="dir" op="equ" val="norm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315"/>
                  <dgm:constr type="rMarg" refType="primFontSz" fact="0.105"/>
                </dgm:constrLst>
              </dgm:if>
              <dgm:else name="Name27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105"/>
                  <dgm:constr type="rMarg" refType="primFontSz" fact="0.315"/>
                </dgm:constrLst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TxOnly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chevron1">
  <dgm:title val=""/>
  <dgm:desc val=""/>
  <dgm:catLst>
    <dgm:cat type="process" pri="9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des" func="maxDepth" op="gte" val="2">
        <dgm:constrLst>
          <dgm:constr type="h" for="ch" forName="composite" refType="h"/>
          <dgm:constr type="w" for="ch" forName="composite" refType="w"/>
          <dgm:constr type="w" for="des" forName="parTx"/>
          <dgm:constr type="h" for="des" forName="parTx" op="equ"/>
          <dgm:constr type="w" for="des" forName="desTx"/>
          <dgm:constr type="h" for="des" forName="desTx" op="equ"/>
          <dgm:constr type="primFontSz" for="des" forName="parTx" val="65"/>
          <dgm:constr type="secFontSz" for="des" forName="desTx" refType="primFontSz" refFor="des" refForName="parTx" op="equ"/>
          <dgm:constr type="h" for="des" forName="parTx" refType="primFontSz" refFor="des" refForName="parTx" fact="1.5"/>
          <dgm:constr type="h" for="des" forName="desTx" refType="primFontSz" refFor="des" refForName="parTx" fact="0.5"/>
          <dgm:constr type="w" for="ch" forName="space" op="equ" val="-6"/>
        </dgm:constrLst>
        <dgm:ruleLst>
          <dgm:rule type="w" for="ch" forName="composite" val="0" fact="NaN" max="NaN"/>
          <dgm:rule type="primFontSz" for="des" forName="parTx" val="5" fact="NaN" max="NaN"/>
        </dgm:ruleLst>
        <dgm:forEach name="Name6" axis="ch" ptType="node">
          <dgm:layoutNode name="composite">
            <dgm:alg type="composite"/>
            <dgm:shape xmlns:r="http://schemas.openxmlformats.org/officeDocument/2006/relationships" r:blip="">
              <dgm:adjLst/>
            </dgm:shape>
            <dgm:presOf/>
            <dgm:choose name="Name7">
              <dgm:if name="Name8" func="var" arg="dir" op="equ" val="norm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if>
              <dgm:else name="Name9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 refType="w" fact="0.2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else>
            </dgm:choose>
            <dgm:ruleLst>
              <dgm:rule type="h" val="INF" fact="NaN" max="NaN"/>
            </dgm:ruleLst>
            <dgm:layoutNode name="parTx">
              <dgm:varLst>
                <dgm:chMax val="0"/>
                <dgm:chPref val="0"/>
                <dgm:bulletEnabled val="1"/>
              </dgm:varLst>
              <dgm:alg type="tx"/>
              <dgm:choose name="Name10">
                <dgm:if name="Name11" func="var" arg="dir" op="equ" val="norm">
                  <dgm:shape xmlns:r="http://schemas.openxmlformats.org/officeDocument/2006/relationships" type="chevron" r:blip="">
                    <dgm:adjLst/>
                  </dgm:shape>
                </dgm:if>
                <dgm:else name="Name12">
                  <dgm:shape xmlns:r="http://schemas.openxmlformats.org/officeDocument/2006/relationships" rot="180" type="chevron" r:blip="">
                    <dgm:adjLst/>
                  </dgm:shape>
                </dgm:else>
              </dgm:choose>
              <dgm:presOf axis="self" ptType="node"/>
              <dgm:choose name="Name13">
                <dgm:if name="Name14" func="var" arg="dir" op="equ" val="norm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315"/>
                    <dgm:constr type="rMarg" refType="primFontSz" fact="0.105"/>
                  </dgm:constrLst>
                </dgm:if>
                <dgm:else name="Name15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105"/>
                    <dgm:constr type="rMarg" refType="primFontSz" fact="0.315"/>
                  </dgm:constrLst>
                </dgm:else>
              </dgm:choose>
              <dgm:ruleLst>
                <dgm:rule type="h" val="INF" fact="NaN" max="NaN"/>
              </dgm:ruleLst>
            </dgm:layoutNode>
            <dgm:layoutNode name="desTx" styleLbl="revTx">
              <dgm:varLst>
                <dgm:bulletEnabled val="1"/>
              </dgm:varLst>
              <dgm:alg type="tx">
                <dgm:param type="stBulletLvl" val="1"/>
              </dgm:alg>
              <dgm:choose name="Name16">
                <dgm:if name="Name17" axis="ch" ptType="node" func="cnt" op="gte" val="1">
                  <dgm:shape xmlns:r="http://schemas.openxmlformats.org/officeDocument/2006/relationships" type="rect" r:blip="">
                    <dgm:adjLst/>
                  </dgm:shape>
                </dgm:if>
                <dgm:else name="Name18">
                  <dgm:shape xmlns:r="http://schemas.openxmlformats.org/officeDocument/2006/relationships" type="rect" r:blip="" hideGeom="1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h"/>
                <dgm:constr type="tMarg"/>
                <dgm:constr type="bMarg"/>
                <dgm:constr type="rMarg"/>
                <dgm:constr type="lMarg"/>
              </dgm:constrLst>
              <dgm:ruleLst>
                <dgm:rule type="h" val="INF" fact="NaN" max="NaN"/>
              </dgm:ruleLst>
            </dgm:layoutNode>
          </dgm:layoutNode>
          <dgm:forEach name="Name19" axis="followSib" ptType="sibTrans" cnt="1">
            <dgm:layoutNode name="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20">
        <dgm:constrLst>
          <dgm:constr type="w" for="ch" forName="parTxOnly" refType="w"/>
          <dgm:constr type="h" for="des" forName="parTxOnly" op="equ"/>
          <dgm:constr type="primFontSz" for="des" forName="parTxOnly" op="equ" val="65"/>
          <dgm:constr type="w" for="ch" forName="parTxOnlySpace" refType="w" refFor="ch" refForName="parTxOnly" fact="-0.1"/>
        </dgm:constrLst>
        <dgm:ruleLst/>
        <dgm:forEach name="Name21" axis="ch" ptType="node">
          <dgm:layoutNode name="parTxOnly">
            <dgm:varLst>
              <dgm:chMax val="0"/>
              <dgm:chPref val="0"/>
              <dgm:bulletEnabled val="1"/>
            </dgm:varLst>
            <dgm:alg type="tx"/>
            <dgm:choose name="Name22">
              <dgm:if name="Name23" func="var" arg="dir" op="equ" val="norm">
                <dgm:shape xmlns:r="http://schemas.openxmlformats.org/officeDocument/2006/relationships" type="chevron" r:blip="">
                  <dgm:adjLst/>
                </dgm:shape>
              </dgm:if>
              <dgm:else name="Name24">
                <dgm:shape xmlns:r="http://schemas.openxmlformats.org/officeDocument/2006/relationships" rot="180" type="chevron" r:blip="">
                  <dgm:adjLst/>
                </dgm:shape>
              </dgm:else>
            </dgm:choose>
            <dgm:presOf axis="self" ptType="node"/>
            <dgm:choose name="Name25">
              <dgm:if name="Name26" func="var" arg="dir" op="equ" val="norm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315"/>
                  <dgm:constr type="rMarg" refType="primFontSz" fact="0.105"/>
                </dgm:constrLst>
              </dgm:if>
              <dgm:else name="Name27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105"/>
                  <dgm:constr type="rMarg" refType="primFontSz" fact="0.315"/>
                </dgm:constrLst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TxOnly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chevron1">
  <dgm:title val=""/>
  <dgm:desc val=""/>
  <dgm:catLst>
    <dgm:cat type="process" pri="9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des" func="maxDepth" op="gte" val="2">
        <dgm:constrLst>
          <dgm:constr type="h" for="ch" forName="composite" refType="h"/>
          <dgm:constr type="w" for="ch" forName="composite" refType="w"/>
          <dgm:constr type="w" for="des" forName="parTx"/>
          <dgm:constr type="h" for="des" forName="parTx" op="equ"/>
          <dgm:constr type="w" for="des" forName="desTx"/>
          <dgm:constr type="h" for="des" forName="desTx" op="equ"/>
          <dgm:constr type="primFontSz" for="des" forName="parTx" val="65"/>
          <dgm:constr type="secFontSz" for="des" forName="desTx" refType="primFontSz" refFor="des" refForName="parTx" op="equ"/>
          <dgm:constr type="h" for="des" forName="parTx" refType="primFontSz" refFor="des" refForName="parTx" fact="1.5"/>
          <dgm:constr type="h" for="des" forName="desTx" refType="primFontSz" refFor="des" refForName="parTx" fact="0.5"/>
          <dgm:constr type="w" for="ch" forName="space" op="equ" val="-6"/>
        </dgm:constrLst>
        <dgm:ruleLst>
          <dgm:rule type="w" for="ch" forName="composite" val="0" fact="NaN" max="NaN"/>
          <dgm:rule type="primFontSz" for="des" forName="parTx" val="5" fact="NaN" max="NaN"/>
        </dgm:ruleLst>
        <dgm:forEach name="Name6" axis="ch" ptType="node">
          <dgm:layoutNode name="composite">
            <dgm:alg type="composite"/>
            <dgm:shape xmlns:r="http://schemas.openxmlformats.org/officeDocument/2006/relationships" r:blip="">
              <dgm:adjLst/>
            </dgm:shape>
            <dgm:presOf/>
            <dgm:choose name="Name7">
              <dgm:if name="Name8" func="var" arg="dir" op="equ" val="norm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if>
              <dgm:else name="Name9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 refType="w" fact="0.2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else>
            </dgm:choose>
            <dgm:ruleLst>
              <dgm:rule type="h" val="INF" fact="NaN" max="NaN"/>
            </dgm:ruleLst>
            <dgm:layoutNode name="parTx">
              <dgm:varLst>
                <dgm:chMax val="0"/>
                <dgm:chPref val="0"/>
                <dgm:bulletEnabled val="1"/>
              </dgm:varLst>
              <dgm:alg type="tx"/>
              <dgm:choose name="Name10">
                <dgm:if name="Name11" func="var" arg="dir" op="equ" val="norm">
                  <dgm:shape xmlns:r="http://schemas.openxmlformats.org/officeDocument/2006/relationships" type="chevron" r:blip="">
                    <dgm:adjLst/>
                  </dgm:shape>
                </dgm:if>
                <dgm:else name="Name12">
                  <dgm:shape xmlns:r="http://schemas.openxmlformats.org/officeDocument/2006/relationships" rot="180" type="chevron" r:blip="">
                    <dgm:adjLst/>
                  </dgm:shape>
                </dgm:else>
              </dgm:choose>
              <dgm:presOf axis="self" ptType="node"/>
              <dgm:choose name="Name13">
                <dgm:if name="Name14" func="var" arg="dir" op="equ" val="norm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315"/>
                    <dgm:constr type="rMarg" refType="primFontSz" fact="0.105"/>
                  </dgm:constrLst>
                </dgm:if>
                <dgm:else name="Name15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105"/>
                    <dgm:constr type="rMarg" refType="primFontSz" fact="0.315"/>
                  </dgm:constrLst>
                </dgm:else>
              </dgm:choose>
              <dgm:ruleLst>
                <dgm:rule type="h" val="INF" fact="NaN" max="NaN"/>
              </dgm:ruleLst>
            </dgm:layoutNode>
            <dgm:layoutNode name="desTx" styleLbl="revTx">
              <dgm:varLst>
                <dgm:bulletEnabled val="1"/>
              </dgm:varLst>
              <dgm:alg type="tx">
                <dgm:param type="stBulletLvl" val="1"/>
              </dgm:alg>
              <dgm:choose name="Name16">
                <dgm:if name="Name17" axis="ch" ptType="node" func="cnt" op="gte" val="1">
                  <dgm:shape xmlns:r="http://schemas.openxmlformats.org/officeDocument/2006/relationships" type="rect" r:blip="">
                    <dgm:adjLst/>
                  </dgm:shape>
                </dgm:if>
                <dgm:else name="Name18">
                  <dgm:shape xmlns:r="http://schemas.openxmlformats.org/officeDocument/2006/relationships" type="rect" r:blip="" hideGeom="1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h"/>
                <dgm:constr type="tMarg"/>
                <dgm:constr type="bMarg"/>
                <dgm:constr type="rMarg"/>
                <dgm:constr type="lMarg"/>
              </dgm:constrLst>
              <dgm:ruleLst>
                <dgm:rule type="h" val="INF" fact="NaN" max="NaN"/>
              </dgm:ruleLst>
            </dgm:layoutNode>
          </dgm:layoutNode>
          <dgm:forEach name="Name19" axis="followSib" ptType="sibTrans" cnt="1">
            <dgm:layoutNode name="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20">
        <dgm:constrLst>
          <dgm:constr type="w" for="ch" forName="parTxOnly" refType="w"/>
          <dgm:constr type="h" for="des" forName="parTxOnly" op="equ"/>
          <dgm:constr type="primFontSz" for="des" forName="parTxOnly" op="equ" val="65"/>
          <dgm:constr type="w" for="ch" forName="parTxOnlySpace" refType="w" refFor="ch" refForName="parTxOnly" fact="-0.1"/>
        </dgm:constrLst>
        <dgm:ruleLst/>
        <dgm:forEach name="Name21" axis="ch" ptType="node">
          <dgm:layoutNode name="parTxOnly">
            <dgm:varLst>
              <dgm:chMax val="0"/>
              <dgm:chPref val="0"/>
              <dgm:bulletEnabled val="1"/>
            </dgm:varLst>
            <dgm:alg type="tx"/>
            <dgm:choose name="Name22">
              <dgm:if name="Name23" func="var" arg="dir" op="equ" val="norm">
                <dgm:shape xmlns:r="http://schemas.openxmlformats.org/officeDocument/2006/relationships" type="chevron" r:blip="">
                  <dgm:adjLst/>
                </dgm:shape>
              </dgm:if>
              <dgm:else name="Name24">
                <dgm:shape xmlns:r="http://schemas.openxmlformats.org/officeDocument/2006/relationships" rot="180" type="chevron" r:blip="">
                  <dgm:adjLst/>
                </dgm:shape>
              </dgm:else>
            </dgm:choose>
            <dgm:presOf axis="self" ptType="node"/>
            <dgm:choose name="Name25">
              <dgm:if name="Name26" func="var" arg="dir" op="equ" val="norm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315"/>
                  <dgm:constr type="rMarg" refType="primFontSz" fact="0.105"/>
                </dgm:constrLst>
              </dgm:if>
              <dgm:else name="Name27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105"/>
                  <dgm:constr type="rMarg" refType="primFontSz" fact="0.315"/>
                </dgm:constrLst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TxOnly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5/8/layout/chevron1">
  <dgm:title val=""/>
  <dgm:desc val=""/>
  <dgm:catLst>
    <dgm:cat type="process" pri="9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des" func="maxDepth" op="gte" val="2">
        <dgm:constrLst>
          <dgm:constr type="h" for="ch" forName="composite" refType="h"/>
          <dgm:constr type="w" for="ch" forName="composite" refType="w"/>
          <dgm:constr type="w" for="des" forName="parTx"/>
          <dgm:constr type="h" for="des" forName="parTx" op="equ"/>
          <dgm:constr type="w" for="des" forName="desTx"/>
          <dgm:constr type="h" for="des" forName="desTx" op="equ"/>
          <dgm:constr type="primFontSz" for="des" forName="parTx" val="65"/>
          <dgm:constr type="secFontSz" for="des" forName="desTx" refType="primFontSz" refFor="des" refForName="parTx" op="equ"/>
          <dgm:constr type="h" for="des" forName="parTx" refType="primFontSz" refFor="des" refForName="parTx" fact="1.5"/>
          <dgm:constr type="h" for="des" forName="desTx" refType="primFontSz" refFor="des" refForName="parTx" fact="0.5"/>
          <dgm:constr type="w" for="ch" forName="space" op="equ" val="-6"/>
        </dgm:constrLst>
        <dgm:ruleLst>
          <dgm:rule type="w" for="ch" forName="composite" val="0" fact="NaN" max="NaN"/>
          <dgm:rule type="primFontSz" for="des" forName="parTx" val="5" fact="NaN" max="NaN"/>
        </dgm:ruleLst>
        <dgm:forEach name="Name6" axis="ch" ptType="node">
          <dgm:layoutNode name="composite">
            <dgm:alg type="composite"/>
            <dgm:shape xmlns:r="http://schemas.openxmlformats.org/officeDocument/2006/relationships" r:blip="">
              <dgm:adjLst/>
            </dgm:shape>
            <dgm:presOf/>
            <dgm:choose name="Name7">
              <dgm:if name="Name8" func="var" arg="dir" op="equ" val="norm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if>
              <dgm:else name="Name9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 refType="w" fact="0.2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else>
            </dgm:choose>
            <dgm:ruleLst>
              <dgm:rule type="h" val="INF" fact="NaN" max="NaN"/>
            </dgm:ruleLst>
            <dgm:layoutNode name="parTx">
              <dgm:varLst>
                <dgm:chMax val="0"/>
                <dgm:chPref val="0"/>
                <dgm:bulletEnabled val="1"/>
              </dgm:varLst>
              <dgm:alg type="tx"/>
              <dgm:choose name="Name10">
                <dgm:if name="Name11" func="var" arg="dir" op="equ" val="norm">
                  <dgm:shape xmlns:r="http://schemas.openxmlformats.org/officeDocument/2006/relationships" type="chevron" r:blip="">
                    <dgm:adjLst/>
                  </dgm:shape>
                </dgm:if>
                <dgm:else name="Name12">
                  <dgm:shape xmlns:r="http://schemas.openxmlformats.org/officeDocument/2006/relationships" rot="180" type="chevron" r:blip="">
                    <dgm:adjLst/>
                  </dgm:shape>
                </dgm:else>
              </dgm:choose>
              <dgm:presOf axis="self" ptType="node"/>
              <dgm:choose name="Name13">
                <dgm:if name="Name14" func="var" arg="dir" op="equ" val="norm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315"/>
                    <dgm:constr type="rMarg" refType="primFontSz" fact="0.105"/>
                  </dgm:constrLst>
                </dgm:if>
                <dgm:else name="Name15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105"/>
                    <dgm:constr type="rMarg" refType="primFontSz" fact="0.315"/>
                  </dgm:constrLst>
                </dgm:else>
              </dgm:choose>
              <dgm:ruleLst>
                <dgm:rule type="h" val="INF" fact="NaN" max="NaN"/>
              </dgm:ruleLst>
            </dgm:layoutNode>
            <dgm:layoutNode name="desTx" styleLbl="revTx">
              <dgm:varLst>
                <dgm:bulletEnabled val="1"/>
              </dgm:varLst>
              <dgm:alg type="tx">
                <dgm:param type="stBulletLvl" val="1"/>
              </dgm:alg>
              <dgm:choose name="Name16">
                <dgm:if name="Name17" axis="ch" ptType="node" func="cnt" op="gte" val="1">
                  <dgm:shape xmlns:r="http://schemas.openxmlformats.org/officeDocument/2006/relationships" type="rect" r:blip="">
                    <dgm:adjLst/>
                  </dgm:shape>
                </dgm:if>
                <dgm:else name="Name18">
                  <dgm:shape xmlns:r="http://schemas.openxmlformats.org/officeDocument/2006/relationships" type="rect" r:blip="" hideGeom="1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h"/>
                <dgm:constr type="tMarg"/>
                <dgm:constr type="bMarg"/>
                <dgm:constr type="rMarg"/>
                <dgm:constr type="lMarg"/>
              </dgm:constrLst>
              <dgm:ruleLst>
                <dgm:rule type="h" val="INF" fact="NaN" max="NaN"/>
              </dgm:ruleLst>
            </dgm:layoutNode>
          </dgm:layoutNode>
          <dgm:forEach name="Name19" axis="followSib" ptType="sibTrans" cnt="1">
            <dgm:layoutNode name="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20">
        <dgm:constrLst>
          <dgm:constr type="w" for="ch" forName="parTxOnly" refType="w"/>
          <dgm:constr type="h" for="des" forName="parTxOnly" op="equ"/>
          <dgm:constr type="primFontSz" for="des" forName="parTxOnly" op="equ" val="65"/>
          <dgm:constr type="w" for="ch" forName="parTxOnlySpace" refType="w" refFor="ch" refForName="parTxOnly" fact="-0.1"/>
        </dgm:constrLst>
        <dgm:ruleLst/>
        <dgm:forEach name="Name21" axis="ch" ptType="node">
          <dgm:layoutNode name="parTxOnly">
            <dgm:varLst>
              <dgm:chMax val="0"/>
              <dgm:chPref val="0"/>
              <dgm:bulletEnabled val="1"/>
            </dgm:varLst>
            <dgm:alg type="tx"/>
            <dgm:choose name="Name22">
              <dgm:if name="Name23" func="var" arg="dir" op="equ" val="norm">
                <dgm:shape xmlns:r="http://schemas.openxmlformats.org/officeDocument/2006/relationships" type="chevron" r:blip="">
                  <dgm:adjLst/>
                </dgm:shape>
              </dgm:if>
              <dgm:else name="Name24">
                <dgm:shape xmlns:r="http://schemas.openxmlformats.org/officeDocument/2006/relationships" rot="180" type="chevron" r:blip="">
                  <dgm:adjLst/>
                </dgm:shape>
              </dgm:else>
            </dgm:choose>
            <dgm:presOf axis="self" ptType="node"/>
            <dgm:choose name="Name25">
              <dgm:if name="Name26" func="var" arg="dir" op="equ" val="norm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315"/>
                  <dgm:constr type="rMarg" refType="primFontSz" fact="0.105"/>
                </dgm:constrLst>
              </dgm:if>
              <dgm:else name="Name27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105"/>
                  <dgm:constr type="rMarg" refType="primFontSz" fact="0.315"/>
                </dgm:constrLst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TxOnly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Kopfzeilenplatzhalt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3" name="Datumsplatzhalt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8B9DB22-CDC7-4B79-9D8F-E3050F6BA1E6}" type="datetimeFigureOut">
              <a:rPr lang="de-DE" smtClean="0"/>
              <a:t>06.01.2025</a:t>
            </a:fld>
            <a:endParaRPr lang="de-DE"/>
          </a:p>
        </p:txBody>
      </p:sp>
      <p:sp>
        <p:nvSpPr>
          <p:cNvPr id="4" name="Folienbildplatzhalt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de-DE"/>
          </a:p>
        </p:txBody>
      </p:sp>
      <p:sp>
        <p:nvSpPr>
          <p:cNvPr id="5" name="Notizenplatzhalt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de-DE"/>
              <a:t>Mastertextformat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</a:p>
        </p:txBody>
      </p:sp>
      <p:sp>
        <p:nvSpPr>
          <p:cNvPr id="6" name="Fußzeilenplatzhalt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7" name="Foliennummernplatzhalt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435811E-E2F2-4B5B-9177-3F71AA00F548}" type="slidenum">
              <a:rPr lang="de-DE" smtClean="0"/>
              <a:t>‹Nr.›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22227763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435811E-E2F2-4B5B-9177-3F71AA00F548}" type="slidenum">
              <a:rPr lang="de-DE" smtClean="0"/>
              <a:t>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68902648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6.png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6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/Relationships>
</file>

<file path=ppt/slideLayouts/_rels/slideLayout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/Relationships>
</file>

<file path=ppt/slideLayouts/_rels/slideLayout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/Relationships>
</file>

<file path=ppt/slideLayouts/_rels/slideLayout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/Relationships>
</file>

<file path=ppt/slideLayouts/_rels/slideLayout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3.png"/><Relationship Id="rId1" Type="http://schemas.openxmlformats.org/officeDocument/2006/relationships/slideMaster" Target="../slideMasters/slideMaster1.xml"/></Relationships>
</file>

<file path=ppt/slideLayouts/_rels/slideLayout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4.png"/><Relationship Id="rId1" Type="http://schemas.openxmlformats.org/officeDocument/2006/relationships/slideMaster" Target="../slideMasters/slideMaster1.xml"/></Relationships>
</file>

<file path=ppt/slideLayouts/_rels/slideLayout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/Relationships>
</file>

<file path=ppt/slideLayouts/_rels/slideLayout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6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7.png"/><Relationship Id="rId1" Type="http://schemas.openxmlformats.org/officeDocument/2006/relationships/slideMaster" Target="../slideMasters/slideMaster1.xml"/></Relationships>
</file>

<file path=ppt/slideLayouts/_rels/slideLayout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8.png"/><Relationship Id="rId1" Type="http://schemas.openxmlformats.org/officeDocument/2006/relationships/slideMaster" Target="../slideMasters/slideMaster1.xml"/></Relationships>
</file>

<file path=ppt/slideLayouts/_rels/slideLayout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9.png"/><Relationship Id="rId1" Type="http://schemas.openxmlformats.org/officeDocument/2006/relationships/slideMaster" Target="../slideMasters/slideMaster1.xml"/></Relationships>
</file>

<file path=ppt/slideLayouts/_rels/slideLayout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/Relationships>
</file>

<file path=ppt/slideLayouts/_rels/slideLayout4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20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24.png"/><Relationship Id="rId4" Type="http://schemas.openxmlformats.org/officeDocument/2006/relationships/image" Target="../media/image23.png"/></Relationships>
</file>

<file path=ppt/slideLayouts/_rels/slideLayout48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te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Grafik 7">
            <a:extLst>
              <a:ext uri="{FF2B5EF4-FFF2-40B4-BE49-F238E27FC236}">
                <a16:creationId xmlns:a16="http://schemas.microsoft.com/office/drawing/2014/main" id="{CF8B9D34-3FD2-42DD-95E3-B5A2B08D031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570"/>
            <a:ext cx="12192000" cy="6854430"/>
          </a:xfrm>
          <a:prstGeom prst="rect">
            <a:avLst/>
          </a:prstGeom>
        </p:spPr>
      </p:pic>
      <p:sp>
        <p:nvSpPr>
          <p:cNvPr id="26" name="Textplatzhalter 25">
            <a:extLst>
              <a:ext uri="{FF2B5EF4-FFF2-40B4-BE49-F238E27FC236}">
                <a16:creationId xmlns:a16="http://schemas.microsoft.com/office/drawing/2014/main" id="{4C2541EC-8989-42B9-939F-E71508028403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3933784"/>
            <a:ext cx="5692775" cy="1438102"/>
          </a:xfrm>
          <a:prstGeom prst="rect">
            <a:avLst/>
          </a:prstGeom>
        </p:spPr>
        <p:txBody>
          <a:bodyPr/>
          <a:lstStyle>
            <a:lvl1pPr marL="0" indent="0">
              <a:lnSpc>
                <a:spcPct val="100000"/>
              </a:lnSpc>
              <a:spcBef>
                <a:spcPts val="0"/>
              </a:spcBef>
              <a:buNone/>
              <a:defRPr sz="2000"/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2" name="Titel 1">
            <a:extLst>
              <a:ext uri="{FF2B5EF4-FFF2-40B4-BE49-F238E27FC236}">
                <a16:creationId xmlns:a16="http://schemas.microsoft.com/office/drawing/2014/main" id="{032D5AA7-2833-4551-B62A-638EC06587E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2393198"/>
            <a:ext cx="7622453" cy="1295091"/>
          </a:xfrm>
          <a:prstGeom prst="rect">
            <a:avLst/>
          </a:prstGeom>
        </p:spPr>
        <p:txBody>
          <a:bodyPr/>
          <a:lstStyle>
            <a:lvl1pPr>
              <a:lnSpc>
                <a:spcPts val="4000"/>
              </a:lnSpc>
              <a:defRPr sz="4000" b="1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41004A46-3B2E-4E89-AB49-CBEA5277030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728663"/>
            <a:ext cx="2777094" cy="672206"/>
          </a:xfrm>
          <a:prstGeom prst="rect">
            <a:avLst/>
          </a:prstGeom>
        </p:spPr>
      </p:pic>
      <p:pic>
        <p:nvPicPr>
          <p:cNvPr id="10" name="Grafik 9">
            <a:extLst>
              <a:ext uri="{FF2B5EF4-FFF2-40B4-BE49-F238E27FC236}">
                <a16:creationId xmlns:a16="http://schemas.microsoft.com/office/drawing/2014/main" id="{D89A5C4F-0AB9-46D6-B594-B9EA64026FDB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5371886"/>
            <a:ext cx="1317748" cy="405461"/>
          </a:xfrm>
          <a:prstGeom prst="rect">
            <a:avLst/>
          </a:prstGeom>
        </p:spPr>
      </p:pic>
      <p:pic>
        <p:nvPicPr>
          <p:cNvPr id="11" name="Grafik 10">
            <a:extLst>
              <a:ext uri="{FF2B5EF4-FFF2-40B4-BE49-F238E27FC236}">
                <a16:creationId xmlns:a16="http://schemas.microsoft.com/office/drawing/2014/main" id="{570E123B-0D1C-422C-9F50-5D623A712B0C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339388" y="5094525"/>
            <a:ext cx="1156294" cy="1241315"/>
          </a:xfrm>
          <a:prstGeom prst="rect">
            <a:avLst/>
          </a:prstGeom>
        </p:spPr>
      </p:pic>
      <p:pic>
        <p:nvPicPr>
          <p:cNvPr id="9" name="Grafik 8">
            <a:extLst>
              <a:ext uri="{FF2B5EF4-FFF2-40B4-BE49-F238E27FC236}">
                <a16:creationId xmlns:a16="http://schemas.microsoft.com/office/drawing/2014/main" id="{0C8BED8F-FF35-43A1-900F-B0EE6D146A1A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92" y="3570"/>
            <a:ext cx="12192000" cy="6854430"/>
          </a:xfrm>
          <a:prstGeom prst="rect">
            <a:avLst/>
          </a:prstGeom>
        </p:spPr>
      </p:pic>
      <p:pic>
        <p:nvPicPr>
          <p:cNvPr id="12" name="Grafik 11">
            <a:extLst>
              <a:ext uri="{FF2B5EF4-FFF2-40B4-BE49-F238E27FC236}">
                <a16:creationId xmlns:a16="http://schemas.microsoft.com/office/drawing/2014/main" id="{5A430ADA-3ECB-40BD-9F45-20993871E1C0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728663"/>
            <a:ext cx="2777094" cy="672206"/>
          </a:xfrm>
          <a:prstGeom prst="rect">
            <a:avLst/>
          </a:prstGeom>
        </p:spPr>
      </p:pic>
      <p:pic>
        <p:nvPicPr>
          <p:cNvPr id="14" name="Grafik 13">
            <a:extLst>
              <a:ext uri="{FF2B5EF4-FFF2-40B4-BE49-F238E27FC236}">
                <a16:creationId xmlns:a16="http://schemas.microsoft.com/office/drawing/2014/main" id="{791E5047-73BF-4DE5-B7D4-C560B7F2E9EA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5371886"/>
            <a:ext cx="1317748" cy="405461"/>
          </a:xfrm>
          <a:prstGeom prst="rect">
            <a:avLst/>
          </a:prstGeom>
        </p:spPr>
      </p:pic>
      <p:pic>
        <p:nvPicPr>
          <p:cNvPr id="15" name="Grafik 14">
            <a:extLst>
              <a:ext uri="{FF2B5EF4-FFF2-40B4-BE49-F238E27FC236}">
                <a16:creationId xmlns:a16="http://schemas.microsoft.com/office/drawing/2014/main" id="{C551191C-39E0-4A3D-874C-68FB964C6E2C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339388" y="5094525"/>
            <a:ext cx="1156294" cy="1241315"/>
          </a:xfrm>
          <a:prstGeom prst="rect">
            <a:avLst/>
          </a:prstGeom>
        </p:spPr>
      </p:pic>
      <p:pic>
        <p:nvPicPr>
          <p:cNvPr id="16" name="Grafik 15">
            <a:extLst>
              <a:ext uri="{FF2B5EF4-FFF2-40B4-BE49-F238E27FC236}">
                <a16:creationId xmlns:a16="http://schemas.microsoft.com/office/drawing/2014/main" id="{84C79C3D-2000-41AD-9AFF-3C56B486EA1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92" y="3570"/>
            <a:ext cx="12192000" cy="6854430"/>
          </a:xfrm>
          <a:prstGeom prst="rect">
            <a:avLst/>
          </a:prstGeom>
        </p:spPr>
      </p:pic>
      <p:pic>
        <p:nvPicPr>
          <p:cNvPr id="17" name="Grafik 16">
            <a:extLst>
              <a:ext uri="{FF2B5EF4-FFF2-40B4-BE49-F238E27FC236}">
                <a16:creationId xmlns:a16="http://schemas.microsoft.com/office/drawing/2014/main" id="{2C5E6A28-0DC6-4503-975F-0FCEE2A5348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728663"/>
            <a:ext cx="2777094" cy="672206"/>
          </a:xfrm>
          <a:prstGeom prst="rect">
            <a:avLst/>
          </a:prstGeom>
        </p:spPr>
      </p:pic>
      <p:pic>
        <p:nvPicPr>
          <p:cNvPr id="18" name="Grafik 17">
            <a:extLst>
              <a:ext uri="{FF2B5EF4-FFF2-40B4-BE49-F238E27FC236}">
                <a16:creationId xmlns:a16="http://schemas.microsoft.com/office/drawing/2014/main" id="{DCDD10CC-B502-4E96-A027-E99BA2C590F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5371886"/>
            <a:ext cx="1317748" cy="405461"/>
          </a:xfrm>
          <a:prstGeom prst="rect">
            <a:avLst/>
          </a:prstGeom>
        </p:spPr>
      </p:pic>
      <p:pic>
        <p:nvPicPr>
          <p:cNvPr id="19" name="Grafik 18">
            <a:extLst>
              <a:ext uri="{FF2B5EF4-FFF2-40B4-BE49-F238E27FC236}">
                <a16:creationId xmlns:a16="http://schemas.microsoft.com/office/drawing/2014/main" id="{58DFEEB8-6D79-473E-8348-38F4C7F3A541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339388" y="5094525"/>
            <a:ext cx="1156294" cy="1241315"/>
          </a:xfrm>
          <a:prstGeom prst="rect">
            <a:avLst/>
          </a:prstGeom>
        </p:spPr>
      </p:pic>
      <p:pic>
        <p:nvPicPr>
          <p:cNvPr id="20" name="Grafik 19">
            <a:extLst>
              <a:ext uri="{FF2B5EF4-FFF2-40B4-BE49-F238E27FC236}">
                <a16:creationId xmlns:a16="http://schemas.microsoft.com/office/drawing/2014/main" id="{33296A3F-E6FC-4F65-9B33-514BB985253F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92" y="3570"/>
            <a:ext cx="12192000" cy="6854430"/>
          </a:xfrm>
          <a:prstGeom prst="rect">
            <a:avLst/>
          </a:prstGeom>
        </p:spPr>
      </p:pic>
      <p:pic>
        <p:nvPicPr>
          <p:cNvPr id="21" name="Grafik 20">
            <a:extLst>
              <a:ext uri="{FF2B5EF4-FFF2-40B4-BE49-F238E27FC236}">
                <a16:creationId xmlns:a16="http://schemas.microsoft.com/office/drawing/2014/main" id="{E6BEB5C8-4803-4529-8348-865EAD4EC373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0736" y="728663"/>
            <a:ext cx="2777094" cy="672206"/>
          </a:xfrm>
          <a:prstGeom prst="rect">
            <a:avLst/>
          </a:prstGeom>
        </p:spPr>
      </p:pic>
      <p:grpSp>
        <p:nvGrpSpPr>
          <p:cNvPr id="24" name="Gruppieren 23">
            <a:extLst>
              <a:ext uri="{FF2B5EF4-FFF2-40B4-BE49-F238E27FC236}">
                <a16:creationId xmlns:a16="http://schemas.microsoft.com/office/drawing/2014/main" id="{C6E31F78-E207-47B3-BBC1-B11F58DF342A}"/>
              </a:ext>
            </a:extLst>
          </p:cNvPr>
          <p:cNvGrpSpPr/>
          <p:nvPr userDrawn="1"/>
        </p:nvGrpSpPr>
        <p:grpSpPr>
          <a:xfrm>
            <a:off x="8674599" y="4973653"/>
            <a:ext cx="2787705" cy="1274268"/>
            <a:chOff x="8764274" y="5094525"/>
            <a:chExt cx="2715614" cy="1241315"/>
          </a:xfrm>
        </p:grpSpPr>
        <p:pic>
          <p:nvPicPr>
            <p:cNvPr id="25" name="Grafik 24">
              <a:extLst>
                <a:ext uri="{FF2B5EF4-FFF2-40B4-BE49-F238E27FC236}">
                  <a16:creationId xmlns:a16="http://schemas.microsoft.com/office/drawing/2014/main" id="{32DFE99E-5EAB-4F72-9F29-9A8874506109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221894" y="5363094"/>
              <a:ext cx="1257994" cy="387075"/>
            </a:xfrm>
            <a:prstGeom prst="rect">
              <a:avLst/>
            </a:prstGeom>
          </p:spPr>
        </p:pic>
        <p:pic>
          <p:nvPicPr>
            <p:cNvPr id="27" name="Grafik 26">
              <a:extLst>
                <a:ext uri="{FF2B5EF4-FFF2-40B4-BE49-F238E27FC236}">
                  <a16:creationId xmlns:a16="http://schemas.microsoft.com/office/drawing/2014/main" id="{25F8D468-548B-42C2-AA1D-2492C829850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8764274" y="5094525"/>
              <a:ext cx="1156294" cy="1241315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269019684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Grosses Bild mit Überschrift und Leis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Grafik 6">
            <a:extLst>
              <a:ext uri="{FF2B5EF4-FFF2-40B4-BE49-F238E27FC236}">
                <a16:creationId xmlns:a16="http://schemas.microsoft.com/office/drawing/2014/main" id="{CB8DF5F6-2A9A-41D9-81EA-5757BB9D9CC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  <p:sp>
        <p:nvSpPr>
          <p:cNvPr id="11" name="Bildplatzhalter 3">
            <a:extLst>
              <a:ext uri="{FF2B5EF4-FFF2-40B4-BE49-F238E27FC236}">
                <a16:creationId xmlns:a16="http://schemas.microsoft.com/office/drawing/2014/main" id="{432236B7-2F78-489E-B693-1BCB98798146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31839" y="1444238"/>
            <a:ext cx="10557156" cy="419075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2F418153-8C6F-4411-A3B8-5B25D8F77BE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600D3861-1A76-45C1-B1C3-5DE385EDAF5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3F509065-9647-4B5A-8717-C945A5CC379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  <p:sp>
        <p:nvSpPr>
          <p:cNvPr id="12" name="Textplatzhalter 12">
            <a:extLst>
              <a:ext uri="{FF2B5EF4-FFF2-40B4-BE49-F238E27FC236}">
                <a16:creationId xmlns:a16="http://schemas.microsoft.com/office/drawing/2014/main" id="{1CE80B08-E11D-474E-9D38-0BAB24569414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1418601"/>
            <a:ext cx="360362" cy="4216393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3" name="Titel 1">
            <a:extLst>
              <a:ext uri="{FF2B5EF4-FFF2-40B4-BE49-F238E27FC236}">
                <a16:creationId xmlns:a16="http://schemas.microsoft.com/office/drawing/2014/main" id="{0C111EEA-82F4-4A8D-8B32-63307DCED5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474291" cy="628963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8B729670-9ED6-4C5F-8DBB-CB521F2F92C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53236375"/>
      </p:ext>
    </p:extLst>
  </p:cSld>
  <p:clrMapOvr>
    <a:masterClrMapping/>
  </p:clrMapOvr>
  <p:hf hdr="0" ftr="0" dt="0"/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2 Bilder mit Leiste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Grafik 10">
            <a:extLst>
              <a:ext uri="{FF2B5EF4-FFF2-40B4-BE49-F238E27FC236}">
                <a16:creationId xmlns:a16="http://schemas.microsoft.com/office/drawing/2014/main" id="{0889BEDB-5C1A-436F-9F1C-A798E98400F0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4" name="Grafik 3">
            <a:extLst>
              <a:ext uri="{FF2B5EF4-FFF2-40B4-BE49-F238E27FC236}">
                <a16:creationId xmlns:a16="http://schemas.microsoft.com/office/drawing/2014/main" id="{AC6204B4-0BAB-4F9A-AAA3-6C4B5D84F7CD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86775"/>
            <a:ext cx="12192000" cy="1485126"/>
          </a:xfrm>
          <a:prstGeom prst="rect">
            <a:avLst/>
          </a:prstGeom>
        </p:spPr>
      </p:pic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1" y="728663"/>
            <a:ext cx="5175903" cy="527903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6246119" y="728663"/>
            <a:ext cx="5059968" cy="527903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3" name="Textplatzhalter 12">
            <a:extLst>
              <a:ext uri="{FF2B5EF4-FFF2-40B4-BE49-F238E27FC236}">
                <a16:creationId xmlns:a16="http://schemas.microsoft.com/office/drawing/2014/main" id="{9A326EF6-C590-4E52-9E99-83E825F787B3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 rot="10800000">
            <a:off x="11195027" y="728663"/>
            <a:ext cx="360362" cy="2827338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3A8DC69B-A3B6-4027-8B0A-EBB2BDBDF546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0DC078E-2F67-40E8-B98E-A84CCDFCC86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FAF2F96A-14C6-4C2D-9DD3-29DE023988FA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14" name="Grafik 13">
            <a:extLst>
              <a:ext uri="{FF2B5EF4-FFF2-40B4-BE49-F238E27FC236}">
                <a16:creationId xmlns:a16="http://schemas.microsoft.com/office/drawing/2014/main" id="{E0080451-DD95-402E-BFF5-9EE9A48E829B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86775"/>
            <a:ext cx="12192000" cy="1485126"/>
          </a:xfrm>
          <a:prstGeom prst="rect">
            <a:avLst/>
          </a:prstGeom>
        </p:spPr>
      </p:pic>
      <p:pic>
        <p:nvPicPr>
          <p:cNvPr id="17" name="Grafik 16">
            <a:extLst>
              <a:ext uri="{FF2B5EF4-FFF2-40B4-BE49-F238E27FC236}">
                <a16:creationId xmlns:a16="http://schemas.microsoft.com/office/drawing/2014/main" id="{923E9EA0-6F80-4F7F-8A6C-405D6EE5AB82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20" name="Rechteck 19">
            <a:extLst>
              <a:ext uri="{FF2B5EF4-FFF2-40B4-BE49-F238E27FC236}">
                <a16:creationId xmlns:a16="http://schemas.microsoft.com/office/drawing/2014/main" id="{BD4FEC98-C843-4FC7-A123-ACAE41CF6ADC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21" name="Grafik 20">
            <a:extLst>
              <a:ext uri="{FF2B5EF4-FFF2-40B4-BE49-F238E27FC236}">
                <a16:creationId xmlns:a16="http://schemas.microsoft.com/office/drawing/2014/main" id="{F27E349B-18D2-4619-8E43-B10F2F76F9D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22" name="Grafik 21">
            <a:extLst>
              <a:ext uri="{FF2B5EF4-FFF2-40B4-BE49-F238E27FC236}">
                <a16:creationId xmlns:a16="http://schemas.microsoft.com/office/drawing/2014/main" id="{E2A42E26-4905-46CD-8733-846464E08D3B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86775"/>
            <a:ext cx="12192000" cy="1485126"/>
          </a:xfrm>
          <a:prstGeom prst="rect">
            <a:avLst/>
          </a:prstGeom>
        </p:spPr>
      </p:pic>
      <p:pic>
        <p:nvPicPr>
          <p:cNvPr id="23" name="Grafik 22">
            <a:extLst>
              <a:ext uri="{FF2B5EF4-FFF2-40B4-BE49-F238E27FC236}">
                <a16:creationId xmlns:a16="http://schemas.microsoft.com/office/drawing/2014/main" id="{0B74F40A-DB35-4D1E-879C-D80EFADE00B7}"/>
              </a:ext>
            </a:extLst>
          </p:cNvPr>
          <p:cNvPicPr>
            <a:picLocks noChangeAspect="1"/>
          </p:cNvPicPr>
          <p:nvPr userDrawn="1"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24" name="Rechteck 23">
            <a:extLst>
              <a:ext uri="{FF2B5EF4-FFF2-40B4-BE49-F238E27FC236}">
                <a16:creationId xmlns:a16="http://schemas.microsoft.com/office/drawing/2014/main" id="{016E53F8-076C-4836-B99F-DF76B15D6F93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73227245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schmal mit 2 Bilder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AC6204B4-0BAB-4F9A-AAA3-6C4B5D84F7C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1" y="1384419"/>
            <a:ext cx="5175903" cy="4250579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6246119" y="1384419"/>
            <a:ext cx="5059968" cy="4250579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3A8DC69B-A3B6-4027-8B0A-EBB2BDBDF54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0DC078E-2F67-40E8-B98E-A84CCDFCC86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474546EF-95E0-42D3-8F9C-A14C29FE452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3F559ADD-59B8-462D-B136-F6843AD3A97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4" name="Textplatzhalter 12">
            <a:extLst>
              <a:ext uri="{FF2B5EF4-FFF2-40B4-BE49-F238E27FC236}">
                <a16:creationId xmlns:a16="http://schemas.microsoft.com/office/drawing/2014/main" id="{2A4148CA-719A-42F0-A700-1FEAFDA6DA35}"/>
              </a:ext>
            </a:extLst>
          </p:cNvPr>
          <p:cNvSpPr>
            <a:spLocks noGrp="1"/>
          </p:cNvSpPr>
          <p:nvPr>
            <p:ph type="body" sz="quarter" idx="14"/>
          </p:nvPr>
        </p:nvSpPr>
        <p:spPr>
          <a:xfrm rot="10800000">
            <a:off x="11206128" y="1418602"/>
            <a:ext cx="360362" cy="471073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20" name="Titel 1">
            <a:extLst>
              <a:ext uri="{FF2B5EF4-FFF2-40B4-BE49-F238E27FC236}">
                <a16:creationId xmlns:a16="http://schemas.microsoft.com/office/drawing/2014/main" id="{1644F843-CD8B-4B34-800E-4F26CBB3A43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474291" cy="628963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3617501318"/>
      </p:ext>
    </p:extLst>
  </p:cSld>
  <p:clrMapOvr>
    <a:masterClrMapping/>
  </p:clrMapOvr>
  <p:hf hdr="0" ftr="0" dt="0"/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schmal unten mit 2 Bildern u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AC6204B4-0BAB-4F9A-AAA3-6C4B5D84F7C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1" y="2807660"/>
            <a:ext cx="507737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6095999" y="2807660"/>
            <a:ext cx="507737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3" name="Textplatzhalter 12">
            <a:extLst>
              <a:ext uri="{FF2B5EF4-FFF2-40B4-BE49-F238E27FC236}">
                <a16:creationId xmlns:a16="http://schemas.microsoft.com/office/drawing/2014/main" id="{9A326EF6-C590-4E52-9E99-83E825F787B3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11118113" y="2807660"/>
            <a:ext cx="360362" cy="2827338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3A8DC69B-A3B6-4027-8B0A-EBB2BDBDF54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0DC078E-2F67-40E8-B98E-A84CCDFCC86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4" name="Textplatzhalter 25">
            <a:extLst>
              <a:ext uri="{FF2B5EF4-FFF2-40B4-BE49-F238E27FC236}">
                <a16:creationId xmlns:a16="http://schemas.microsoft.com/office/drawing/2014/main" id="{E0BAA859-C84A-4E1D-B996-16383C444F7C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1"/>
            <a:ext cx="10733942" cy="817060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7" name="Titel 1">
            <a:extLst>
              <a:ext uri="{FF2B5EF4-FFF2-40B4-BE49-F238E27FC236}">
                <a16:creationId xmlns:a16="http://schemas.microsoft.com/office/drawing/2014/main" id="{4549B8C1-BBE9-4B19-9EB0-FA70443FC9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33941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897298472"/>
      </p:ext>
    </p:extLst>
  </p:cSld>
  <p:clrMapOvr>
    <a:masterClrMapping/>
  </p:clrMapOvr>
  <p:hf hdr="0" ftr="0" dt="0"/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schmal 3 Bil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AC6204B4-0BAB-4F9A-AAA3-6C4B5D84F7C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67558"/>
            <a:ext cx="12192000" cy="1485126"/>
          </a:xfrm>
          <a:prstGeom prst="rect">
            <a:avLst/>
          </a:prstGeom>
        </p:spPr>
      </p:pic>
      <p:sp>
        <p:nvSpPr>
          <p:cNvPr id="13" name="Textplatzhalter 12">
            <a:extLst>
              <a:ext uri="{FF2B5EF4-FFF2-40B4-BE49-F238E27FC236}">
                <a16:creationId xmlns:a16="http://schemas.microsoft.com/office/drawing/2014/main" id="{9A326EF6-C590-4E52-9E99-83E825F787B3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11118113" y="2807660"/>
            <a:ext cx="360362" cy="2827338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3A8DC69B-A3B6-4027-8B0A-EBB2BDBDF54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0DC078E-2F67-40E8-B98E-A84CCDFCC86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2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4343825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Bildplatzhalter 7">
            <a:extLst>
              <a:ext uri="{FF2B5EF4-FFF2-40B4-BE49-F238E27FC236}">
                <a16:creationId xmlns:a16="http://schemas.microsoft.com/office/drawing/2014/main" id="{85C8745D-5BBE-4EB3-95E8-56FEC5B73D03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962163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4" name="Textplatzhalter 25">
            <a:extLst>
              <a:ext uri="{FF2B5EF4-FFF2-40B4-BE49-F238E27FC236}">
                <a16:creationId xmlns:a16="http://schemas.microsoft.com/office/drawing/2014/main" id="{58C4C40D-8D87-497D-90B0-B6333FB14728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10733942" cy="817060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7" name="Titel 1">
            <a:extLst>
              <a:ext uri="{FF2B5EF4-FFF2-40B4-BE49-F238E27FC236}">
                <a16:creationId xmlns:a16="http://schemas.microsoft.com/office/drawing/2014/main" id="{B1D9E8AB-68C1-4AAD-B4F4-EF87D9CC573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33941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613399598"/>
      </p:ext>
    </p:extLst>
  </p:cSld>
  <p:clrMapOvr>
    <a:masterClrMapping/>
  </p:clrMapOvr>
  <p:hf hdr="0" ftr="0" dt="0"/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Bilder mit Überschri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Grafik 16">
            <a:extLst>
              <a:ext uri="{FF2B5EF4-FFF2-40B4-BE49-F238E27FC236}">
                <a16:creationId xmlns:a16="http://schemas.microsoft.com/office/drawing/2014/main" id="{7B4D4034-9B05-4079-8911-DDB7362EA70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86775"/>
            <a:ext cx="12192000" cy="1485126"/>
          </a:xfrm>
          <a:prstGeom prst="rect">
            <a:avLst/>
          </a:prstGeom>
        </p:spPr>
      </p:pic>
      <p:pic>
        <p:nvPicPr>
          <p:cNvPr id="22" name="Grafik 21">
            <a:extLst>
              <a:ext uri="{FF2B5EF4-FFF2-40B4-BE49-F238E27FC236}">
                <a16:creationId xmlns:a16="http://schemas.microsoft.com/office/drawing/2014/main" id="{CFE8E1C9-C1CD-4A9E-9E72-2B6931D7855D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23" name="Grafik 22">
            <a:extLst>
              <a:ext uri="{FF2B5EF4-FFF2-40B4-BE49-F238E27FC236}">
                <a16:creationId xmlns:a16="http://schemas.microsoft.com/office/drawing/2014/main" id="{C5E01317-20A2-4364-9813-F2F7973FA91F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86775"/>
            <a:ext cx="12192000" cy="1485126"/>
          </a:xfrm>
          <a:prstGeom prst="rect">
            <a:avLst/>
          </a:prstGeom>
        </p:spPr>
      </p:pic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1" y="1418602"/>
            <a:ext cx="3241373" cy="460618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4343824" y="1418602"/>
            <a:ext cx="3241373" cy="460618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Bildplatzhalter 7">
            <a:extLst>
              <a:ext uri="{FF2B5EF4-FFF2-40B4-BE49-F238E27FC236}">
                <a16:creationId xmlns:a16="http://schemas.microsoft.com/office/drawing/2014/main" id="{85C8745D-5BBE-4EB3-95E8-56FEC5B73D03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962162" y="1418602"/>
            <a:ext cx="3241373" cy="460618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3A8DC69B-A3B6-4027-8B0A-EBB2BDBDF546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0DC078E-2F67-40E8-B98E-A84CCDFCC86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219CAE09-F4C2-44C5-B132-821B73A9022F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20" name="Grafik 19">
            <a:extLst>
              <a:ext uri="{FF2B5EF4-FFF2-40B4-BE49-F238E27FC236}">
                <a16:creationId xmlns:a16="http://schemas.microsoft.com/office/drawing/2014/main" id="{598A9414-EDC1-43A3-90C3-0A0484635EFE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21" name="Rechteck 20">
            <a:extLst>
              <a:ext uri="{FF2B5EF4-FFF2-40B4-BE49-F238E27FC236}">
                <a16:creationId xmlns:a16="http://schemas.microsoft.com/office/drawing/2014/main" id="{FDDEF64F-3878-4EA9-B02A-816BEE26EF5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24" name="Textplatzhalter 12">
            <a:extLst>
              <a:ext uri="{FF2B5EF4-FFF2-40B4-BE49-F238E27FC236}">
                <a16:creationId xmlns:a16="http://schemas.microsoft.com/office/drawing/2014/main" id="{710F0325-DB15-42B3-AC61-B5DBC29D95A0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>
          <a:xfrm rot="10800000">
            <a:off x="11206128" y="1418602"/>
            <a:ext cx="360362" cy="471073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25" name="Titel 1">
            <a:extLst>
              <a:ext uri="{FF2B5EF4-FFF2-40B4-BE49-F238E27FC236}">
                <a16:creationId xmlns:a16="http://schemas.microsoft.com/office/drawing/2014/main" id="{EC8B47B0-9921-40F7-A3DE-639E012479C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474291" cy="628963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3434869278"/>
      </p:ext>
    </p:extLst>
  </p:cSld>
  <p:clrMapOvr>
    <a:masterClrMapping/>
  </p:clrMapOvr>
  <p:hf hdr="0" ftr="0" dt="0"/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A7DB7FC7-D3BD-4217-83D4-0EB07976341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9C2BC6B7-B985-4D3B-A3D1-B4293E8C47CB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1"/>
            <a:ext cx="10733942" cy="3272840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BF64F280-88DE-4D9D-A66A-A1A6F6681A8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C831DFD3-B163-45A5-A0E2-13F3CD2DA89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18F6AD7A-2496-40E8-8761-95BD9744C39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37E1EBF9-D40B-472B-90FF-BA730D39993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9" name="Grafik 8">
            <a:extLst>
              <a:ext uri="{FF2B5EF4-FFF2-40B4-BE49-F238E27FC236}">
                <a16:creationId xmlns:a16="http://schemas.microsoft.com/office/drawing/2014/main" id="{0ED0134C-B6D9-43E2-8E08-91B091307D5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0" name="Rechteck 9">
            <a:extLst>
              <a:ext uri="{FF2B5EF4-FFF2-40B4-BE49-F238E27FC236}">
                <a16:creationId xmlns:a16="http://schemas.microsoft.com/office/drawing/2014/main" id="{08EEA558-8737-42E3-A422-424E4F577408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9885051E-63E1-464E-BBCA-3CCF1983C42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14" name="Grafik 13">
            <a:extLst>
              <a:ext uri="{FF2B5EF4-FFF2-40B4-BE49-F238E27FC236}">
                <a16:creationId xmlns:a16="http://schemas.microsoft.com/office/drawing/2014/main" id="{046F7A6B-E06E-480B-8C05-B3368CDA7F9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B5B37D49-390B-4482-976A-D1B0A8DB0D7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6" name="Grafik 15">
            <a:extLst>
              <a:ext uri="{FF2B5EF4-FFF2-40B4-BE49-F238E27FC236}">
                <a16:creationId xmlns:a16="http://schemas.microsoft.com/office/drawing/2014/main" id="{5CFB730E-2D44-4AAC-8BD8-AC54897166BB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pic>
        <p:nvPicPr>
          <p:cNvPr id="17" name="Grafik 16">
            <a:extLst>
              <a:ext uri="{FF2B5EF4-FFF2-40B4-BE49-F238E27FC236}">
                <a16:creationId xmlns:a16="http://schemas.microsoft.com/office/drawing/2014/main" id="{F9EF0F28-8733-4FE5-A65B-6B10E34F493C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8" name="Rechteck 17">
            <a:extLst>
              <a:ext uri="{FF2B5EF4-FFF2-40B4-BE49-F238E27FC236}">
                <a16:creationId xmlns:a16="http://schemas.microsoft.com/office/drawing/2014/main" id="{BA9B531A-F861-4DB7-B110-CABC1FD44347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11829924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3801" y="728664"/>
            <a:ext cx="4964227" cy="440736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728662"/>
            <a:ext cx="360362" cy="4407359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69"/>
            <a:ext cx="5186363" cy="33497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BF446841-B4D4-42AF-A12A-358B3047D7F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9FC7D4D5-5D44-4E61-99A6-B40E5DCDBE9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8ED43545-3061-4565-829F-50D5FF7E8E3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EE14AE3F-C86A-40F2-A7F9-96BC005A141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6DC20660-236B-4C2C-8E29-840ABF42224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2F2C4FB7-FF67-41CF-A523-54F0F4BF8CE7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FB7839EF-E850-4841-9C47-5FF22BAD12B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FE4B726E-B4CE-4075-B3E3-B5E31EA41D98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741340C2-98A1-45A4-9FE3-D436041F6FEB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20938114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_Leiste unten mit Bild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316531" y="728663"/>
            <a:ext cx="4964227" cy="209258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728662"/>
            <a:ext cx="360362" cy="4407359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69"/>
            <a:ext cx="5186363" cy="33497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BF446841-B4D4-42AF-A12A-358B3047D7F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9FC7D4D5-5D44-4E61-99A6-B40E5DCDBE9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8ED43545-3061-4565-829F-50D5FF7E8E3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EE14AE3F-C86A-40F2-A7F9-96BC005A141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6DC20660-236B-4C2C-8E29-840ABF42224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4" name="Bildplatzhalter 9">
            <a:extLst>
              <a:ext uri="{FF2B5EF4-FFF2-40B4-BE49-F238E27FC236}">
                <a16:creationId xmlns:a16="http://schemas.microsoft.com/office/drawing/2014/main" id="{EF27CB0E-1426-4623-8926-E429BEA8A3AE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6316531" y="3058099"/>
            <a:ext cx="4964227" cy="209258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pic>
        <p:nvPicPr>
          <p:cNvPr id="17" name="Grafik 16">
            <a:extLst>
              <a:ext uri="{FF2B5EF4-FFF2-40B4-BE49-F238E27FC236}">
                <a16:creationId xmlns:a16="http://schemas.microsoft.com/office/drawing/2014/main" id="{911DB5B1-9004-4877-933E-E84E5E7FF96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8" name="Rechteck 17">
            <a:extLst>
              <a:ext uri="{FF2B5EF4-FFF2-40B4-BE49-F238E27FC236}">
                <a16:creationId xmlns:a16="http://schemas.microsoft.com/office/drawing/2014/main" id="{03DA29FF-9F91-4859-9C60-A8F91E0B42E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9" name="Grafik 18">
            <a:extLst>
              <a:ext uri="{FF2B5EF4-FFF2-40B4-BE49-F238E27FC236}">
                <a16:creationId xmlns:a16="http://schemas.microsoft.com/office/drawing/2014/main" id="{B41BC365-CE21-4403-844D-9C03603F0F4F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20" name="Rechteck 19">
            <a:extLst>
              <a:ext uri="{FF2B5EF4-FFF2-40B4-BE49-F238E27FC236}">
                <a16:creationId xmlns:a16="http://schemas.microsoft.com/office/drawing/2014/main" id="{C22E7B8B-0083-418F-B327-31F0CDB341B8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784979994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1025495" y="728663"/>
            <a:ext cx="4892706" cy="440736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731837" y="738892"/>
            <a:ext cx="360362" cy="4407359"/>
          </a:xfrm>
          <a:prstGeom prst="rect">
            <a:avLst/>
          </a:prstGeom>
        </p:spPr>
        <p:txBody>
          <a:bodyPr vert="vert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273800" y="1786271"/>
            <a:ext cx="5186363" cy="33497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2BBF65F5-B586-4A9D-8D18-AB37BAA573D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73799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27D554EA-AAB9-42BF-AD9F-06B436F12B98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ABDB456D-3B00-47DA-ADF7-6BF6F711648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C42CC824-7B16-4925-B395-CCEC91AC458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3A5EADC4-7EE5-4655-84CD-83394C7B0CD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4DFAE8DE-0034-49D6-AA73-3CA94DDBFB4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C2E62A98-2EBE-484F-84FE-5929C86FDDF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52CACBEE-7E5D-445C-B9F7-5339BFF4BE7E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79871500-55D8-4B35-9244-4C7DC54F9A25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84783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Zwischenblatt Bild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Grafik 7">
            <a:extLst>
              <a:ext uri="{FF2B5EF4-FFF2-40B4-BE49-F238E27FC236}">
                <a16:creationId xmlns:a16="http://schemas.microsoft.com/office/drawing/2014/main" id="{526CF25D-E04B-4219-BBDE-91093384DA0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728663"/>
            <a:ext cx="5161787" cy="3375504"/>
          </a:xfrm>
          <a:prstGeom prst="rect">
            <a:avLst/>
          </a:prstGeom>
        </p:spPr>
      </p:pic>
      <p:sp>
        <p:nvSpPr>
          <p:cNvPr id="13" name="Bildplatzhalter 9">
            <a:extLst>
              <a:ext uri="{FF2B5EF4-FFF2-40B4-BE49-F238E27FC236}">
                <a16:creationId xmlns:a16="http://schemas.microsoft.com/office/drawing/2014/main" id="{B628E9D0-C391-4CFA-B3EE-EB314DB35680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3800" y="728663"/>
            <a:ext cx="4964227" cy="5400675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4" name="Textplatzhalter 12">
            <a:extLst>
              <a:ext uri="{FF2B5EF4-FFF2-40B4-BE49-F238E27FC236}">
                <a16:creationId xmlns:a16="http://schemas.microsoft.com/office/drawing/2014/main" id="{2A9E1406-17E4-445A-AC29-F766949B96E7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11238027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6" name="Titel 1">
            <a:extLst>
              <a:ext uri="{FF2B5EF4-FFF2-40B4-BE49-F238E27FC236}">
                <a16:creationId xmlns:a16="http://schemas.microsoft.com/office/drawing/2014/main" id="{985EBB71-5A5E-43B9-B88B-10C1E315AEB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4492186"/>
            <a:ext cx="5161788" cy="1618102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6D54B652-F284-4DBD-A21E-611484AAC0C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728663"/>
            <a:ext cx="5161787" cy="3375504"/>
          </a:xfrm>
          <a:prstGeom prst="rect">
            <a:avLst/>
          </a:prstGeom>
        </p:spPr>
      </p:pic>
      <p:pic>
        <p:nvPicPr>
          <p:cNvPr id="9" name="Grafik 8">
            <a:extLst>
              <a:ext uri="{FF2B5EF4-FFF2-40B4-BE49-F238E27FC236}">
                <a16:creationId xmlns:a16="http://schemas.microsoft.com/office/drawing/2014/main" id="{3849A597-DCE9-418E-A282-2C77690B0E30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728663"/>
            <a:ext cx="5161787" cy="3375504"/>
          </a:xfrm>
          <a:prstGeom prst="rect">
            <a:avLst/>
          </a:prstGeom>
        </p:spPr>
      </p:pic>
      <p:pic>
        <p:nvPicPr>
          <p:cNvPr id="10" name="Grafik 9">
            <a:extLst>
              <a:ext uri="{FF2B5EF4-FFF2-40B4-BE49-F238E27FC236}">
                <a16:creationId xmlns:a16="http://schemas.microsoft.com/office/drawing/2014/main" id="{511CDB0A-FA3D-48D5-BC13-5CE9675F40A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728663"/>
            <a:ext cx="5161787" cy="337550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98608032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rechts überlapp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3801" y="728664"/>
            <a:ext cx="4964227" cy="540067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1"/>
            <a:ext cx="5186363" cy="33497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0923130F-45F7-45AD-ACB6-C6692EC71F8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C5B1291D-D778-4550-B208-CEDF7622AA4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D5F2D091-42DF-4CB6-992B-208DE0B2AA4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100BF7B5-2644-47C2-948C-972DF296FE9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3B333D52-3F24-4A23-B564-C748EC1E6EC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EB5F5017-B420-4B3E-A0B0-1B8BB89DAC1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1E3A9494-C626-4818-BC0D-D216241EF02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DDC0FE75-58BE-4B2A-BFB7-59A801DFAA74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EC98ABA4-592F-43ED-B866-A7ACFB2326FC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77470906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links überlapp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ECD40421-05B4-4D93-9A2B-28FFDD98731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372874"/>
            <a:ext cx="12192000" cy="1485126"/>
          </a:xfrm>
          <a:prstGeom prst="rect">
            <a:avLst/>
          </a:prstGeom>
        </p:spPr>
      </p:pic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1025495" y="728663"/>
            <a:ext cx="4892706" cy="5390446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731837" y="738892"/>
            <a:ext cx="360362" cy="4407359"/>
          </a:xfrm>
          <a:prstGeom prst="rect">
            <a:avLst/>
          </a:prstGeom>
        </p:spPr>
        <p:txBody>
          <a:bodyPr vert="vert"/>
          <a:lstStyle>
            <a:lvl1pPr marL="0" indent="0" algn="r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273800" y="1786271"/>
            <a:ext cx="5186363" cy="33497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67A7BFEA-73B1-4B97-802E-963C8B9F34D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73799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C46EB8DE-D0A0-4774-A5A6-E1A52743F23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6E7AB154-E484-4142-B6C6-D70482855C5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5D008953-1D79-44DC-B7F2-A0B2AE885DA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7ED2664B-47B3-42B1-AB33-3DA4E5F9228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CA312C42-0651-4535-AB9F-52723E2BD3B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79858F22-4447-4D30-8AD9-5BC7B927D60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56F5C41C-35FD-4176-8819-0B1BA4219F47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C5C2965B-5FA9-4A06-BD98-76A774F98552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53259879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links tief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1025495" y="2649195"/>
            <a:ext cx="4892706" cy="346991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731837" y="2649194"/>
            <a:ext cx="360362" cy="3480143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273800" y="1786270"/>
            <a:ext cx="5186363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3" name="Grafik 2">
            <a:extLst>
              <a:ext uri="{FF2B5EF4-FFF2-40B4-BE49-F238E27FC236}">
                <a16:creationId xmlns:a16="http://schemas.microsoft.com/office/drawing/2014/main" id="{13DC1FA0-F2C8-4F3C-A262-D88AA58D5C65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728663"/>
            <a:ext cx="5189210" cy="1575982"/>
          </a:xfrm>
          <a:prstGeom prst="rect">
            <a:avLst/>
          </a:prstGeom>
        </p:spPr>
      </p:pic>
      <p:sp>
        <p:nvSpPr>
          <p:cNvPr id="7" name="Titel 1">
            <a:extLst>
              <a:ext uri="{FF2B5EF4-FFF2-40B4-BE49-F238E27FC236}">
                <a16:creationId xmlns:a16="http://schemas.microsoft.com/office/drawing/2014/main" id="{1FEF2FEC-E63D-4316-9527-C696D0769EC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70952" y="738364"/>
            <a:ext cx="5189210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D1499F26-F91D-4D6F-A4FA-E8198E58B858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0C815212-0FB2-46A4-8817-699129ACF1B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CA465379-3F80-4626-A602-FA29241C739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CF53FB96-A78B-44A9-9810-F4F1B6F68A6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4E94D105-E7C2-4CA9-A076-1E61D0E6CC4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C9F9BC55-D9D0-497B-A480-22919E123D9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252296A0-F27A-43E8-8645-7B6ABC9A4C4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75BFA866-B681-4D7F-9EA0-2F388B80C02E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77721439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links hoch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1025495" y="733777"/>
            <a:ext cx="4892706" cy="348014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731837" y="733777"/>
            <a:ext cx="360362" cy="3480143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273800" y="1786270"/>
            <a:ext cx="5186363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3" name="Grafik 2">
            <a:extLst>
              <a:ext uri="{FF2B5EF4-FFF2-40B4-BE49-F238E27FC236}">
                <a16:creationId xmlns:a16="http://schemas.microsoft.com/office/drawing/2014/main" id="{13DC1FA0-F2C8-4F3C-A262-D88AA58D5C65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8" y="4548241"/>
            <a:ext cx="5189210" cy="1575982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B9797259-D6B7-48ED-86D8-CFE702494E3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73799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0F3E70E7-F381-4A4F-AB52-00902A7A6D27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2C04352B-A922-479C-8086-747B9CE676BC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BB538E4B-398A-4AD2-8357-FCD2AD42F9D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3257A0C5-A403-4BF8-B376-5C68BAF2C11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EB84F0C8-9DCF-4988-A134-67092B7CA06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3B765135-BB2E-4E4B-9824-920D45DF155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744BA37D-6113-4BDF-B62B-496C1DB195AC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DA0C4097-801A-4B13-A897-ADCC60C5DF12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82888591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oben mit Bild rechts tief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58119" y="2649195"/>
            <a:ext cx="4991937" cy="346991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50057" y="2649194"/>
            <a:ext cx="360362" cy="3480143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44670" y="1786270"/>
            <a:ext cx="5186363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3" name="Grafik 2">
            <a:extLst>
              <a:ext uri="{FF2B5EF4-FFF2-40B4-BE49-F238E27FC236}">
                <a16:creationId xmlns:a16="http://schemas.microsoft.com/office/drawing/2014/main" id="{13DC1FA0-F2C8-4F3C-A262-D88AA58D5C65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58120" y="728663"/>
            <a:ext cx="5189210" cy="1575982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7C30E7CF-18C6-4633-BD18-147BAA0DF32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5199196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FBDBA7A6-0CA2-4486-9C0C-A6CDED91CAB8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AAEA754D-A11B-4490-AC14-B685491D4C6D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A185F97F-B824-404E-AAD0-67B2252E231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A10EA524-66A7-499D-9109-B47F7E670A8D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7420B911-1A0F-49C8-93B9-2922FBA83C53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52426902-32DE-40AF-A944-F61BD5DDCBC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B07FC8AD-2A31-46CD-A87D-C1DD1C19D8F8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4AA60D58-B778-4B04-AB23-6F796CA5D29A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76146098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unten mit Bild rechts hoch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0952" y="738893"/>
            <a:ext cx="5006182" cy="3469913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77134" y="738892"/>
            <a:ext cx="360362" cy="3480143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5186363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3" name="Grafik 2">
            <a:extLst>
              <a:ext uri="{FF2B5EF4-FFF2-40B4-BE49-F238E27FC236}">
                <a16:creationId xmlns:a16="http://schemas.microsoft.com/office/drawing/2014/main" id="{13DC1FA0-F2C8-4F3C-A262-D88AA58D5C65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70952" y="4552552"/>
            <a:ext cx="5189210" cy="1575982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09C50802-2C9F-4F32-9963-38E5237B3B6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4B2FE63B-592F-45CC-A025-82EDFCE141D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0BB6EA6B-3615-4CC7-B7D0-6355AFB68F32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CEE84449-31AF-453B-9167-CAD11A07D15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544635D7-F1B0-42CA-A80E-2DE5226FFD08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3A054A44-767E-450A-AD9A-70CA139DA68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4BA607DD-C84C-4C8D-8468-2DFE9CFBA87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4E0D28CB-4730-45ED-B459-FD8C1D075900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58356A7B-93C1-41D1-868F-48726A35C345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25582148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6:9 links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961534" y="738894"/>
            <a:ext cx="5217637" cy="290928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648307" y="738891"/>
            <a:ext cx="360362" cy="2909282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492400" y="1786270"/>
            <a:ext cx="496776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7C6A2924-C2B9-418D-81DF-B2F3B69DCB8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6223" y="4015819"/>
            <a:ext cx="5442948" cy="2113519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E3AEF940-B9B9-4EA6-A72F-D381E72CA66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492398" y="738364"/>
            <a:ext cx="4967764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8530CAAE-D88C-49FA-AD65-99559812195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FD35CC48-1843-4398-AA9A-F5990DE242A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8AAEB474-91A2-4561-8ED0-3BF95CE1511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07C631BF-9298-48BF-86C6-2ACF4066753C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982CFD6D-AE4C-49BA-AE74-1E83E79D74A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31A1E935-2C7D-4B0D-9D8F-DF856243679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073BF398-A787-44FF-9ADD-EF7531C88BE8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219C8F53-7717-437E-A169-C27D4259D8F6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1316713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6:9 rechts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017215" y="738894"/>
            <a:ext cx="5217637" cy="290928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51701" y="738891"/>
            <a:ext cx="360362" cy="2909282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7" y="1786270"/>
            <a:ext cx="496776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7C6A2924-C2B9-418D-81DF-B2F3B69DCB8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17215" y="4015819"/>
            <a:ext cx="5442948" cy="2113519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0803B71C-001E-4111-ACF6-9A876ACA3A9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4967764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5492156B-F491-48C1-A36D-980B12AACC6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568D93CC-0F50-4835-9D0A-B00FC8376D03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CC9A649B-1FD3-44E5-A0FE-72821FDEF2C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FDCB6D72-1AEA-4B30-A68A-2390AEE26E92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B63D4DAD-1AE4-4AF9-BEB8-68C220EE5B78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65CFD82D-E19A-42D6-886E-2473F0CFE8E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2BFEAFA3-DA65-4444-AD4E-6BA19A388119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C95D101B-3977-4E8B-AE00-27484BDAFE9E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86309322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6:9 links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961534" y="3220058"/>
            <a:ext cx="5217637" cy="290928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648307" y="3220055"/>
            <a:ext cx="360362" cy="2909282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492400" y="1786270"/>
            <a:ext cx="496776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7C6A2924-C2B9-418D-81DF-B2F3B69DCB8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6223" y="728662"/>
            <a:ext cx="5442947" cy="2113519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EC1F2250-43F2-4F01-82C4-1BE6CE5E1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492398" y="738364"/>
            <a:ext cx="4967764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4FDD2B25-FB96-45E6-95FE-C50F536736C3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31E3E161-98BF-4F20-BF67-F42BACCF5A98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2DC4B345-F8B7-43C9-B242-4E69038A41C9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774C3B3D-86B5-4DBF-9609-2B100F6A7B4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F8B9411F-240C-4FA6-807D-37578C0A796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6DBBD935-CC86-4D6D-B3B4-A25B4B255B78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ED650CCC-A385-47D0-8EA5-E0633427CE40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0F63CFAA-24E9-4E13-83CF-E7B2993A0C68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70717203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6:9 rechts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9">
            <a:extLst>
              <a:ext uri="{FF2B5EF4-FFF2-40B4-BE49-F238E27FC236}">
                <a16:creationId xmlns:a16="http://schemas.microsoft.com/office/drawing/2014/main" id="{971AC791-5175-4EFB-8061-05C94D457BD2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017215" y="3220058"/>
            <a:ext cx="5217637" cy="290928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D0AB4D40-7765-4C43-8C89-275D7CD975C3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51700" y="3220055"/>
            <a:ext cx="360362" cy="2909282"/>
          </a:xfrm>
          <a:prstGeom prst="rect">
            <a:avLst/>
          </a:prstGeom>
        </p:spPr>
        <p:txBody>
          <a:bodyPr vert="vert"/>
          <a:lstStyle>
            <a:lvl1pPr marL="0" indent="0" algn="l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1" name="Textplatzhalter 25">
            <a:extLst>
              <a:ext uri="{FF2B5EF4-FFF2-40B4-BE49-F238E27FC236}">
                <a16:creationId xmlns:a16="http://schemas.microsoft.com/office/drawing/2014/main" id="{62DF6991-F5F5-4B7C-A7D7-E1B27A00A6C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496776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7C6A2924-C2B9-418D-81DF-B2F3B69DCB8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17215" y="728662"/>
            <a:ext cx="5442947" cy="2113519"/>
          </a:xfrm>
          <a:prstGeom prst="rect">
            <a:avLst/>
          </a:prstGeom>
        </p:spPr>
      </p:pic>
      <p:sp>
        <p:nvSpPr>
          <p:cNvPr id="8" name="Titel 1">
            <a:extLst>
              <a:ext uri="{FF2B5EF4-FFF2-40B4-BE49-F238E27FC236}">
                <a16:creationId xmlns:a16="http://schemas.microsoft.com/office/drawing/2014/main" id="{CA92E863-BE02-43D3-B451-3BFB102EA94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4967764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E65CD22F-BE0A-4E31-9A29-314E7431DF49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04C0F0D3-AF60-46B3-9AB8-7FF65B2D3002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23210677-2C89-4142-B7FB-769C5A1D265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69842D0E-861F-49F1-BDAD-8B93EF7D9853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FACF5EBA-E757-49C1-A6EB-45FD70BAC7A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76C3F878-DB5D-4662-9529-ADAA37641AA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82FBDD53-3BAB-4E22-992F-B4ABD92D3921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9" name="Rechteck 18">
            <a:extLst>
              <a:ext uri="{FF2B5EF4-FFF2-40B4-BE49-F238E27FC236}">
                <a16:creationId xmlns:a16="http://schemas.microsoft.com/office/drawing/2014/main" id="{869DAC51-8D3E-4DE9-9F27-632E4ACB7832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95312982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Zwischenblatt Bild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Grafik 2">
            <a:extLst>
              <a:ext uri="{FF2B5EF4-FFF2-40B4-BE49-F238E27FC236}">
                <a16:creationId xmlns:a16="http://schemas.microsoft.com/office/drawing/2014/main" id="{6ACB2143-8AD0-4D13-8AC1-9589AC9E60B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87152" y="728663"/>
            <a:ext cx="5161787" cy="3375504"/>
          </a:xfrm>
          <a:prstGeom prst="rect">
            <a:avLst/>
          </a:prstGeom>
        </p:spPr>
      </p:pic>
      <p:sp>
        <p:nvSpPr>
          <p:cNvPr id="7" name="Bildplatzhalter 7">
            <a:extLst>
              <a:ext uri="{FF2B5EF4-FFF2-40B4-BE49-F238E27FC236}">
                <a16:creationId xmlns:a16="http://schemas.microsoft.com/office/drawing/2014/main" id="{0E74DB4A-3449-4CCB-8CE8-61E7C93F8908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967563" y="728663"/>
            <a:ext cx="4976673" cy="538096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8" name="Textplatzhalter 12">
            <a:extLst>
              <a:ext uri="{FF2B5EF4-FFF2-40B4-BE49-F238E27FC236}">
                <a16:creationId xmlns:a16="http://schemas.microsoft.com/office/drawing/2014/main" id="{2429B621-89A5-45B4-91C5-930610841E55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731838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9" name="Titel 1">
            <a:extLst>
              <a:ext uri="{FF2B5EF4-FFF2-40B4-BE49-F238E27FC236}">
                <a16:creationId xmlns:a16="http://schemas.microsoft.com/office/drawing/2014/main" id="{32A93A5D-4485-4DB2-A223-E1E504B7262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303991" y="4545347"/>
            <a:ext cx="5161787" cy="1564275"/>
          </a:xfrm>
          <a:prstGeom prst="rect">
            <a:avLst/>
          </a:prstGeom>
        </p:spPr>
        <p:txBody>
          <a:bodyPr/>
          <a:lstStyle>
            <a:lvl1pPr algn="r"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0C9BC1D0-67FA-4A46-A80D-F1F742A60AA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87152" y="728663"/>
            <a:ext cx="5161787" cy="3375504"/>
          </a:xfrm>
          <a:prstGeom prst="rect">
            <a:avLst/>
          </a:prstGeom>
        </p:spPr>
      </p:pic>
      <p:pic>
        <p:nvPicPr>
          <p:cNvPr id="10" name="Grafik 9">
            <a:extLst>
              <a:ext uri="{FF2B5EF4-FFF2-40B4-BE49-F238E27FC236}">
                <a16:creationId xmlns:a16="http://schemas.microsoft.com/office/drawing/2014/main" id="{5FB8EA9C-2506-43F1-8413-B1321E11CAA7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87152" y="728663"/>
            <a:ext cx="5161787" cy="3375504"/>
          </a:xfrm>
          <a:prstGeom prst="rect">
            <a:avLst/>
          </a:prstGeom>
        </p:spPr>
      </p:pic>
      <p:pic>
        <p:nvPicPr>
          <p:cNvPr id="11" name="Grafik 10">
            <a:extLst>
              <a:ext uri="{FF2B5EF4-FFF2-40B4-BE49-F238E27FC236}">
                <a16:creationId xmlns:a16="http://schemas.microsoft.com/office/drawing/2014/main" id="{2C164C1B-02D6-4F23-8F4A-5BEFC241750B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87152" y="728663"/>
            <a:ext cx="5161787" cy="337550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09520506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C4EAD2A0-193A-415A-8041-7C0087CF8C8B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  <p:sp>
        <p:nvSpPr>
          <p:cNvPr id="7" name="Textplatzhalter 25">
            <a:extLst>
              <a:ext uri="{FF2B5EF4-FFF2-40B4-BE49-F238E27FC236}">
                <a16:creationId xmlns:a16="http://schemas.microsoft.com/office/drawing/2014/main" id="{31BDB082-D1ED-4667-9577-85ADFDEFF909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10733942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5" name="Titel 1">
            <a:extLst>
              <a:ext uri="{FF2B5EF4-FFF2-40B4-BE49-F238E27FC236}">
                <a16:creationId xmlns:a16="http://schemas.microsoft.com/office/drawing/2014/main" id="{C435CC05-2012-4432-A60C-6140E25E3B4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6644594D-F381-4563-9FF7-6E6B71379B4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1F291C7C-CE4F-492E-878F-36887C4AB96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61156262-C63E-47F3-8C5C-0046D14F0A9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A9515BE0-5172-40BA-9C4A-A2A9D08BCA1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C1939667-9534-41A0-995D-72878C2A2AC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450FB4CA-5D37-4BFF-921F-182FBB936609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836D5728-CCAD-4BB9-AFB1-DC732B8F256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54880A8E-1CDD-4A36-AD11-6BF49F9CA9AB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20356768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oben mit Bild überlapp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C4EAD2A0-193A-415A-8041-7C0087CF8C8B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  <p:sp>
        <p:nvSpPr>
          <p:cNvPr id="13" name="Bildplatzhalter 9">
            <a:extLst>
              <a:ext uri="{FF2B5EF4-FFF2-40B4-BE49-F238E27FC236}">
                <a16:creationId xmlns:a16="http://schemas.microsoft.com/office/drawing/2014/main" id="{9E6A56E8-B820-4802-90FD-6A2527E174B8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3800" y="728663"/>
            <a:ext cx="4964227" cy="5400675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4" name="Textplatzhalter 12">
            <a:extLst>
              <a:ext uri="{FF2B5EF4-FFF2-40B4-BE49-F238E27FC236}">
                <a16:creationId xmlns:a16="http://schemas.microsoft.com/office/drawing/2014/main" id="{212D4AE8-34DB-46D9-AE55-8F4D5CFAA57B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11238027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8" name="Textplatzhalter 25">
            <a:extLst>
              <a:ext uri="{FF2B5EF4-FFF2-40B4-BE49-F238E27FC236}">
                <a16:creationId xmlns:a16="http://schemas.microsoft.com/office/drawing/2014/main" id="{9142E2AB-3A0C-4C90-9367-B7C5022A7E8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555424"/>
            <a:ext cx="5181600" cy="4563683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820FD008-8C5C-42E4-A344-4E265816838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5181600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885A4E6C-8B48-479B-8EEF-CB03521CF949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695BF943-6406-479B-97D0-15039B98CE2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9" name="Grafik 8">
            <a:extLst>
              <a:ext uri="{FF2B5EF4-FFF2-40B4-BE49-F238E27FC236}">
                <a16:creationId xmlns:a16="http://schemas.microsoft.com/office/drawing/2014/main" id="{47CBED31-1918-4BD7-A34D-2CF4C1295FC5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0" name="Rechteck 9">
            <a:extLst>
              <a:ext uri="{FF2B5EF4-FFF2-40B4-BE49-F238E27FC236}">
                <a16:creationId xmlns:a16="http://schemas.microsoft.com/office/drawing/2014/main" id="{B88D98CE-9D65-488B-A7A0-6FF818EB794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2D0ECDB1-F222-46F9-8678-FB75B7D1E699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498AB54D-5586-4488-BEC2-82437771BBE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7" name="Grafik 16">
            <a:extLst>
              <a:ext uri="{FF2B5EF4-FFF2-40B4-BE49-F238E27FC236}">
                <a16:creationId xmlns:a16="http://schemas.microsoft.com/office/drawing/2014/main" id="{2C7AB29E-D632-4D3A-88B1-6A7BF71DB5F3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8" name="Rechteck 17">
            <a:extLst>
              <a:ext uri="{FF2B5EF4-FFF2-40B4-BE49-F238E27FC236}">
                <a16:creationId xmlns:a16="http://schemas.microsoft.com/office/drawing/2014/main" id="{776240B0-BBEE-4EC0-9582-6A52B63F37D8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35363499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Leiste oben mit Bild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Grafik 7">
            <a:extLst>
              <a:ext uri="{FF2B5EF4-FFF2-40B4-BE49-F238E27FC236}">
                <a16:creationId xmlns:a16="http://schemas.microsoft.com/office/drawing/2014/main" id="{960C1FA5-D296-416C-B1A9-77D70E8EAB05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  <p:sp>
        <p:nvSpPr>
          <p:cNvPr id="7" name="Textplatzhalter 25">
            <a:extLst>
              <a:ext uri="{FF2B5EF4-FFF2-40B4-BE49-F238E27FC236}">
                <a16:creationId xmlns:a16="http://schemas.microsoft.com/office/drawing/2014/main" id="{31BDB082-D1ED-4667-9577-85ADFDEFF909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4646772" y="3269441"/>
            <a:ext cx="6819007" cy="2849666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1" name="Bildplatzhalter 9">
            <a:extLst>
              <a:ext uri="{FF2B5EF4-FFF2-40B4-BE49-F238E27FC236}">
                <a16:creationId xmlns:a16="http://schemas.microsoft.com/office/drawing/2014/main" id="{620DFC56-027A-433B-BCD1-E7B39AC86F48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31838" y="1555424"/>
            <a:ext cx="3550460" cy="436910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6" name="Titel 1">
            <a:extLst>
              <a:ext uri="{FF2B5EF4-FFF2-40B4-BE49-F238E27FC236}">
                <a16:creationId xmlns:a16="http://schemas.microsoft.com/office/drawing/2014/main" id="{AD4FED83-C119-4FE5-893F-88E98D60B73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688784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9" name="Grafik 8">
            <a:extLst>
              <a:ext uri="{FF2B5EF4-FFF2-40B4-BE49-F238E27FC236}">
                <a16:creationId xmlns:a16="http://schemas.microsoft.com/office/drawing/2014/main" id="{CB54A7C7-AD5F-4706-BFF7-2E81EE580BF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0" name="Rechteck 9">
            <a:extLst>
              <a:ext uri="{FF2B5EF4-FFF2-40B4-BE49-F238E27FC236}">
                <a16:creationId xmlns:a16="http://schemas.microsoft.com/office/drawing/2014/main" id="{68BE0ACF-EF24-410C-850A-AB7C5F8551D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2" name="Textplatzhalter 12">
            <a:extLst>
              <a:ext uri="{FF2B5EF4-FFF2-40B4-BE49-F238E27FC236}">
                <a16:creationId xmlns:a16="http://schemas.microsoft.com/office/drawing/2014/main" id="{92DDA2A1-AE86-4334-8628-8EEDB654F4A1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5400000">
            <a:off x="2321270" y="4329475"/>
            <a:ext cx="360362" cy="3550461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</p:spTree>
    <p:extLst>
      <p:ext uri="{BB962C8B-B14F-4D97-AF65-F5344CB8AC3E}">
        <p14:creationId xmlns:p14="http://schemas.microsoft.com/office/powerpoint/2010/main" val="60221797"/>
      </p:ext>
    </p:extLst>
  </p:cSld>
  <p:clrMapOvr>
    <a:masterClrMapping/>
  </p:clrMapOvr>
  <p:hf hdr="0" ftr="0" dt="0"/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Inhalt links Bil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315C6416-3728-4739-9355-BF542F7DC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83033" y="728663"/>
            <a:ext cx="3677130" cy="5417256"/>
          </a:xfrm>
          <a:prstGeom prst="rect">
            <a:avLst/>
          </a:prstGeom>
        </p:spPr>
      </p:pic>
      <p:sp>
        <p:nvSpPr>
          <p:cNvPr id="7" name="Bildplatzhalter 9">
            <a:extLst>
              <a:ext uri="{FF2B5EF4-FFF2-40B4-BE49-F238E27FC236}">
                <a16:creationId xmlns:a16="http://schemas.microsoft.com/office/drawing/2014/main" id="{9B780311-A50B-4122-8F69-B72ADC36DEEB}"/>
              </a:ext>
            </a:extLst>
          </p:cNvPr>
          <p:cNvSpPr>
            <a:spLocks noGrp="1"/>
          </p:cNvSpPr>
          <p:nvPr>
            <p:ph type="pic" sz="quarter" idx="10"/>
          </p:nvPr>
        </p:nvSpPr>
        <p:spPr>
          <a:xfrm>
            <a:off x="999460" y="2636874"/>
            <a:ext cx="6422066" cy="349246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2" name="Textplatzhalter 12">
            <a:extLst>
              <a:ext uri="{FF2B5EF4-FFF2-40B4-BE49-F238E27FC236}">
                <a16:creationId xmlns:a16="http://schemas.microsoft.com/office/drawing/2014/main" id="{80D6CB5B-5325-45DC-9A5D-C1935BAFCA2F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>
          <a:xfrm>
            <a:off x="731838" y="2636874"/>
            <a:ext cx="360362" cy="3473414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8" name="Textplatzhalter 25">
            <a:extLst>
              <a:ext uri="{FF2B5EF4-FFF2-40B4-BE49-F238E27FC236}">
                <a16:creationId xmlns:a16="http://schemas.microsoft.com/office/drawing/2014/main" id="{66D7F3CB-9318-413E-9C60-3096E1CBC029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1"/>
            <a:ext cx="6689688" cy="640736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0" name="Titel 1">
            <a:extLst>
              <a:ext uri="{FF2B5EF4-FFF2-40B4-BE49-F238E27FC236}">
                <a16:creationId xmlns:a16="http://schemas.microsoft.com/office/drawing/2014/main" id="{1C2832F7-6FBD-4310-AAA4-71E402CDE42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6689688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8B41A0F3-B14E-4BCC-9B06-5EDA9960AD8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1E38007B-9FF0-403A-9C6B-E0DD87C52E2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9" name="Grafik 8">
            <a:extLst>
              <a:ext uri="{FF2B5EF4-FFF2-40B4-BE49-F238E27FC236}">
                <a16:creationId xmlns:a16="http://schemas.microsoft.com/office/drawing/2014/main" id="{767CD125-DB45-41A7-946B-3597AA014E4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856FA445-9A45-4CC4-81D9-963BC6ACE5C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FE5D182E-872F-4939-84B9-6922500F77E1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C3DCADB1-9622-438D-A1E4-AB1F13E55DC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7" name="Grafik 16">
            <a:extLst>
              <a:ext uri="{FF2B5EF4-FFF2-40B4-BE49-F238E27FC236}">
                <a16:creationId xmlns:a16="http://schemas.microsoft.com/office/drawing/2014/main" id="{EB0E6312-AE5D-4D38-9FE6-C9A642C5ED04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8" name="Rechteck 17">
            <a:extLst>
              <a:ext uri="{FF2B5EF4-FFF2-40B4-BE49-F238E27FC236}">
                <a16:creationId xmlns:a16="http://schemas.microsoft.com/office/drawing/2014/main" id="{3A1476D0-C2BA-4AFE-AB3D-A81AED396F4C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23578900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Inhalt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315C6416-3728-4739-9355-BF542F7DC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83033" y="728663"/>
            <a:ext cx="3677130" cy="5417256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57077BA6-C248-4414-B10C-22268D2BE688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6689688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4D6E6683-70F1-4124-BC39-D85B795ECE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6689688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BD92291F-A173-49A3-86CE-B1863F37E93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FE608FBB-E70C-4631-AE12-B052E4FD0B8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9FEFE212-17E3-403C-8C24-7C7162CAABA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03457D27-338E-4BA9-A709-6660C0A72B62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B23E6788-AC94-414D-A67F-8F67AEC5DE78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7DC44C13-88EF-4406-B5DA-C74ADBAC416D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9C3DDC4D-EC8E-4794-A710-EB98CA4EE251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846074D4-8571-4FD8-B3F5-690A48EFEA9E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83292335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Inhalt rechts Bil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315C6416-3728-4739-9355-BF542F7DC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7" y="728663"/>
            <a:ext cx="3677130" cy="5417256"/>
          </a:xfrm>
          <a:prstGeom prst="rect">
            <a:avLst/>
          </a:prstGeom>
        </p:spPr>
      </p:pic>
      <p:sp>
        <p:nvSpPr>
          <p:cNvPr id="7" name="Bildplatzhalter 9">
            <a:extLst>
              <a:ext uri="{FF2B5EF4-FFF2-40B4-BE49-F238E27FC236}">
                <a16:creationId xmlns:a16="http://schemas.microsoft.com/office/drawing/2014/main" id="{9B780311-A50B-4122-8F69-B72ADC36DEEB}"/>
              </a:ext>
            </a:extLst>
          </p:cNvPr>
          <p:cNvSpPr>
            <a:spLocks noGrp="1"/>
          </p:cNvSpPr>
          <p:nvPr>
            <p:ph type="pic" sz="quarter" idx="10"/>
          </p:nvPr>
        </p:nvSpPr>
        <p:spPr>
          <a:xfrm>
            <a:off x="4781698" y="2636874"/>
            <a:ext cx="6456329" cy="3492464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8" name="Textplatzhalter 25">
            <a:extLst>
              <a:ext uri="{FF2B5EF4-FFF2-40B4-BE49-F238E27FC236}">
                <a16:creationId xmlns:a16="http://schemas.microsoft.com/office/drawing/2014/main" id="{39B84C44-12EB-4A3B-89CE-551562674D9F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4770475" y="1777725"/>
            <a:ext cx="6695305" cy="640735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BB9FB4A9-72C7-4F5B-B25F-373578005902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11238027" y="2636874"/>
            <a:ext cx="360362" cy="3473414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2" name="Titel 1">
            <a:extLst>
              <a:ext uri="{FF2B5EF4-FFF2-40B4-BE49-F238E27FC236}">
                <a16:creationId xmlns:a16="http://schemas.microsoft.com/office/drawing/2014/main" id="{A4D069A5-28D5-40AA-8613-AC86676C8C4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764857" y="738364"/>
            <a:ext cx="669530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C6EA28FF-DCD8-43B7-9742-01DC2DC8FDD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570E27CA-D665-43A5-A1DC-01D15B9243F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9" name="Grafik 8">
            <a:extLst>
              <a:ext uri="{FF2B5EF4-FFF2-40B4-BE49-F238E27FC236}">
                <a16:creationId xmlns:a16="http://schemas.microsoft.com/office/drawing/2014/main" id="{2BF1140D-56DD-4813-80D8-EFFAC51330D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D08488B0-FB37-4017-AD16-28532CF7A53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E8D003F6-1347-484F-8320-E35E501B7F4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7" y="728663"/>
            <a:ext cx="3677130" cy="5417256"/>
          </a:xfrm>
          <a:prstGeom prst="rect">
            <a:avLst/>
          </a:prstGeom>
        </p:spPr>
      </p:pic>
      <p:pic>
        <p:nvPicPr>
          <p:cNvPr id="14" name="Grafik 13">
            <a:extLst>
              <a:ext uri="{FF2B5EF4-FFF2-40B4-BE49-F238E27FC236}">
                <a16:creationId xmlns:a16="http://schemas.microsoft.com/office/drawing/2014/main" id="{7226D4BA-3A55-4976-8870-6678E567A64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3CC8357E-3FF8-4F6C-9435-FBEF928229A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8" name="Grafik 17">
            <a:extLst>
              <a:ext uri="{FF2B5EF4-FFF2-40B4-BE49-F238E27FC236}">
                <a16:creationId xmlns:a16="http://schemas.microsoft.com/office/drawing/2014/main" id="{EE770C24-20BB-4312-90EA-85D91905E0B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7" y="728663"/>
            <a:ext cx="3677130" cy="5417256"/>
          </a:xfrm>
          <a:prstGeom prst="rect">
            <a:avLst/>
          </a:prstGeom>
        </p:spPr>
      </p:pic>
      <p:pic>
        <p:nvPicPr>
          <p:cNvPr id="19" name="Grafik 18">
            <a:extLst>
              <a:ext uri="{FF2B5EF4-FFF2-40B4-BE49-F238E27FC236}">
                <a16:creationId xmlns:a16="http://schemas.microsoft.com/office/drawing/2014/main" id="{41B23856-E412-4F63-BDD3-01F418D1D42B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20" name="Rechteck 19">
            <a:extLst>
              <a:ext uri="{FF2B5EF4-FFF2-40B4-BE49-F238E27FC236}">
                <a16:creationId xmlns:a16="http://schemas.microsoft.com/office/drawing/2014/main" id="{19432D5C-8829-4E37-B6E7-842B6C8CA13F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914473768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Inhalt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Grafik 5">
            <a:extLst>
              <a:ext uri="{FF2B5EF4-FFF2-40B4-BE49-F238E27FC236}">
                <a16:creationId xmlns:a16="http://schemas.microsoft.com/office/drawing/2014/main" id="{315C6416-3728-4739-9355-BF542F7DCB7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31837" y="728663"/>
            <a:ext cx="3677130" cy="5417256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DA582F8C-EBAD-4B37-BF86-5B98944F70B6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4770475" y="1786270"/>
            <a:ext cx="6695305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DA6D7CA8-307F-4FCE-A255-7E8B65D6CC3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764857" y="738364"/>
            <a:ext cx="669530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F8D1D905-2040-425B-B16F-45E6223A24E3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B02011C1-3163-401A-8927-FEBBFFF3DC4C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F13317A1-FEBB-4BB1-B756-27D127EBC3D1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5A855CDB-4606-4ECA-B2AE-45C0820DA69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DB58D0AB-76C0-46BC-9F3A-6153A44E978C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1D07FD68-0A68-4DC5-AF41-9CF850807AE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ADDA202B-85C5-40FB-92EB-65FE675CEBB5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C5FC37C2-88A0-4029-A05F-D390D593C47F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33459928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46F28964-2C55-45DA-B234-DAA0B470A42E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8360AF7F-CCD6-4105-9FBE-3C0431E6139F}"/>
              </a:ext>
            </a:extLst>
          </p:cNvPr>
          <p:cNvSpPr>
            <a:spLocks noGrp="1"/>
          </p:cNvSpPr>
          <p:nvPr>
            <p:ph type="body" sz="quarter" idx="12"/>
          </p:nvPr>
        </p:nvSpPr>
        <p:spPr>
          <a:xfrm>
            <a:off x="1977656" y="1786270"/>
            <a:ext cx="9488123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487A44D9-1E7B-4AEA-A99C-5764053A853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972039" y="738364"/>
            <a:ext cx="9488123" cy="817060"/>
          </a:xfrm>
          <a:prstGeom prst="rect">
            <a:avLst/>
          </a:prstGeom>
        </p:spPr>
        <p:txBody>
          <a:bodyPr/>
          <a:lstStyle>
            <a:lvl1pPr algn="l"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E485E237-9977-4E75-8398-FA15CC7D0D6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C8FF2E0F-6FF4-4498-B0C8-2BD0A0E31D1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8ED61245-B74B-4B2A-BF8A-B268137F774C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EF1BBE86-4E8B-4499-ADA9-DC0600DB6C32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E32F4F7F-0578-4776-BC9D-267D7EE5DBE4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792327C1-23E3-4CE8-83CB-CE9D202AA50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CDC4AA2D-693D-4EDB-B71F-423DD92EEDE7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38FD8603-18BF-4342-B27E-E825FD443C14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911434112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links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46F28964-2C55-45DA-B234-DAA0B470A42E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1999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8360AF7F-CCD6-4105-9FBE-3C0431E6139F}"/>
              </a:ext>
            </a:extLst>
          </p:cNvPr>
          <p:cNvSpPr>
            <a:spLocks noGrp="1"/>
          </p:cNvSpPr>
          <p:nvPr>
            <p:ph type="body" sz="quarter" idx="12"/>
          </p:nvPr>
        </p:nvSpPr>
        <p:spPr>
          <a:xfrm>
            <a:off x="731838" y="1786270"/>
            <a:ext cx="10733941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6C3F4EC8-F47A-41FA-A500-A1DAA87D750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A9322EAA-36F4-4610-B503-C71DE7B6E34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672EA877-C3A7-4151-9CFE-CECC8EFC663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A2E6673F-845C-44BB-81E0-6519D4E2BF9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520C71AA-51EE-405F-BA39-8F6868B6ADC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8A502758-1AA6-4D03-A8C5-7380BA9B974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ECD3B8CB-C35D-465C-B653-7DF2FE8C9E2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B9693AE3-2E72-40FB-810C-E5198727EB1B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9747B1F6-83A2-493B-A640-1BD128117852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47317661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links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46F28964-2C55-45DA-B234-DAA0B470A42E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1999" cy="6854429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8360AF7F-CCD6-4105-9FBE-3C0431E6139F}"/>
              </a:ext>
            </a:extLst>
          </p:cNvPr>
          <p:cNvSpPr>
            <a:spLocks noGrp="1"/>
          </p:cNvSpPr>
          <p:nvPr>
            <p:ph type="body" sz="quarter" idx="12"/>
          </p:nvPr>
        </p:nvSpPr>
        <p:spPr>
          <a:xfrm>
            <a:off x="2532185" y="1786270"/>
            <a:ext cx="893359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537D9FD7-5B9C-4AC8-BFE9-4FF514E0009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2526568" y="738364"/>
            <a:ext cx="8933594" cy="817060"/>
          </a:xfrm>
          <a:prstGeom prst="rect">
            <a:avLst/>
          </a:prstGeom>
        </p:spPr>
        <p:txBody>
          <a:bodyPr/>
          <a:lstStyle>
            <a:lvl1pPr algn="l"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8B43E7B3-A64C-4F44-97D0-5484C3164577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DAE80317-8AED-4714-A6A0-9D3305F19F88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958B1474-9FB4-47BF-8A85-F7038CC722CA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8B780AF6-5D84-4EE6-A2CE-6DB5D4508C4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0D09FF13-00F2-4CB5-ADDA-7519931166FB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1ADE6459-C880-4030-9CC9-B6DD4702EBB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2F3D695F-11A4-495D-936A-A6807D346FEB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CFBA6423-0105-4D6D-B338-DD8F77DA51B9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1323537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lea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platzhalter 25">
            <a:extLst>
              <a:ext uri="{FF2B5EF4-FFF2-40B4-BE49-F238E27FC236}">
                <a16:creationId xmlns:a16="http://schemas.microsoft.com/office/drawing/2014/main" id="{3A2A61C8-A5F3-467D-AA65-679601F0E3A2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10733942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2" name="Titel 1">
            <a:extLst>
              <a:ext uri="{FF2B5EF4-FFF2-40B4-BE49-F238E27FC236}">
                <a16:creationId xmlns:a16="http://schemas.microsoft.com/office/drawing/2014/main" id="{694D898A-E708-4B16-BAD4-6024BC2C6C6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33941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70FA2C10-5CD9-4F70-8984-74EC77EF9D10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8" name="Rechteck 7">
            <a:extLst>
              <a:ext uri="{FF2B5EF4-FFF2-40B4-BE49-F238E27FC236}">
                <a16:creationId xmlns:a16="http://schemas.microsoft.com/office/drawing/2014/main" id="{0264A1F8-5B30-4749-A50E-0097ED23925E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788891FD-92EE-4972-A3EE-C401904E887F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0" name="Rechteck 9">
            <a:extLst>
              <a:ext uri="{FF2B5EF4-FFF2-40B4-BE49-F238E27FC236}">
                <a16:creationId xmlns:a16="http://schemas.microsoft.com/office/drawing/2014/main" id="{EDCBF675-5ED5-41FB-BF58-EF998BF82BB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E53E8171-8DEB-44F7-84B8-7F70E6E01AA5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3B03C65E-CEFB-438B-8906-B254347DC69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7C03BA43-77A2-4CF6-85BD-24EE1A520582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B3AC0E95-588A-4A4C-8B6D-6A1A15DDC20A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55776565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Ecke rechts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Grafik 7">
            <a:extLst>
              <a:ext uri="{FF2B5EF4-FFF2-40B4-BE49-F238E27FC236}">
                <a16:creationId xmlns:a16="http://schemas.microsoft.com/office/drawing/2014/main" id="{E80028F2-0194-40A5-B099-83218793E92E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570"/>
            <a:ext cx="12192000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65E0D2C5-7995-46F5-A1D1-C920445E3ED9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10728325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6" name="Titel 1">
            <a:extLst>
              <a:ext uri="{FF2B5EF4-FFF2-40B4-BE49-F238E27FC236}">
                <a16:creationId xmlns:a16="http://schemas.microsoft.com/office/drawing/2014/main" id="{CB685371-B340-4A88-9BA2-842A1806CE5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8395538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10366094-ACBD-49FB-86BF-7D9249FA6EE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51058AF4-966D-4B76-93D4-FC7ECFE67A73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3C283E95-37C6-4C24-A4F6-EF293606101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D58392C0-2A01-4222-9FE9-25C2F311FD0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4B73E534-4DFA-4EEC-BCF6-2F99DD0F12AC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0B2EF274-E68F-4592-B14A-C4FEE7BF3523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EE060452-9A89-4EAA-8E80-1B74B3371891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EA688B23-4E6D-467B-8FC6-A2B8E8267461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265324433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Ecke rechts un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Grafik 4">
            <a:extLst>
              <a:ext uri="{FF2B5EF4-FFF2-40B4-BE49-F238E27FC236}">
                <a16:creationId xmlns:a16="http://schemas.microsoft.com/office/drawing/2014/main" id="{36D2B0DE-1674-4F66-871A-0F1DEF4DF71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sp>
        <p:nvSpPr>
          <p:cNvPr id="6" name="Textplatzhalter 25">
            <a:extLst>
              <a:ext uri="{FF2B5EF4-FFF2-40B4-BE49-F238E27FC236}">
                <a16:creationId xmlns:a16="http://schemas.microsoft.com/office/drawing/2014/main" id="{9EAB1B39-00C0-42A9-99F3-E3D8DD5FA825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10733942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8" name="Titel 1">
            <a:extLst>
              <a:ext uri="{FF2B5EF4-FFF2-40B4-BE49-F238E27FC236}">
                <a16:creationId xmlns:a16="http://schemas.microsoft.com/office/drawing/2014/main" id="{1DFB2ABC-563E-433B-9D0D-ADDCCB2724E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832F34FC-A9BC-4B85-AF7A-E02C49B4EB7C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6B1EA9E7-74AE-4634-A299-27E91214F34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94099755-BFB5-4A31-BDDA-9238E8FA8B5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A756DA2F-6AD4-49E3-B33E-FAB365328D6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E31ADDA6-74D9-401B-869D-E468C58F2BF6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ECEBBC65-71B0-4C41-AC6E-BC0F3CDBECA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0DE16DE6-9DA0-41B4-A3A3-070DEA9D16E5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6B7938C7-CF65-4D79-89EB-D18D1BB85BAB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46924257"/>
      </p:ext>
    </p:extLst>
  </p:cSld>
  <p:clrMapOvr>
    <a:masterClrMapping/>
  </p:clrMapOvr>
  <p:extLst>
    <p:ext uri="{DCECCB84-F9BA-43D5-87BE-67443E8EF086}">
      <p15:sldGuideLst xmlns:p15="http://schemas.microsoft.com/office/powerpoint/2012/main"/>
    </p:ext>
  </p:extLst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rechts schm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DEA6869B-B943-4448-88E8-4971B70FBEA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324B1FBD-1C27-4B11-B331-6386CFB4E30E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9036005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A6E8C412-82FB-41AE-A1C6-10F8F4BE8E0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9642447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9D0C149B-2B5F-4268-AFF3-857A9096B2C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A42A303C-543A-406F-B0DD-AFD894D740D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A1A8D443-1C51-466C-BC08-8FBA81ECB7C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CBECDA80-6D85-4B25-9EF1-C914E1A804B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1BDD9458-AD24-4320-BB32-92A0541A22F7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1E90FC92-9688-4DB4-88FA-202577FE7CB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0DF54404-47A2-49ED-8CC5-4682745B5248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0FFB6CD2-3E4D-4413-ACD7-3F5C8CC6D2B3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5236726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B63C67D7-5A2A-412A-8B9B-AA0221E6B58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80EA7301-73AB-4182-859F-40A221550123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8805269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42A28296-72E9-432F-89DB-1BBC62E3516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6774556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1E936A34-5CF1-4C73-8A69-C5A90C97B9A2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BBE6D91C-9C69-470E-AF05-7AB129D7B62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8D2A2E12-3813-4857-BBD4-A8709FD48A6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2D38F629-0282-4D33-8C80-A68A14C273B4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681B2C0F-6970-45E1-BE25-7F3882791A4F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pic>
        <p:nvPicPr>
          <p:cNvPr id="11" name="Grafik 10">
            <a:extLst>
              <a:ext uri="{FF2B5EF4-FFF2-40B4-BE49-F238E27FC236}">
                <a16:creationId xmlns:a16="http://schemas.microsoft.com/office/drawing/2014/main" id="{41374EB7-0DDC-4902-BDEE-930DE6D8E1C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2" name="Rechteck 11">
            <a:extLst>
              <a:ext uri="{FF2B5EF4-FFF2-40B4-BE49-F238E27FC236}">
                <a16:creationId xmlns:a16="http://schemas.microsoft.com/office/drawing/2014/main" id="{8183CB3E-5724-4014-AF12-C5748ECDA13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52A19201-9D1E-4793-AC60-6A2ABEF32E9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pic>
        <p:nvPicPr>
          <p:cNvPr id="16" name="Grafik 15">
            <a:extLst>
              <a:ext uri="{FF2B5EF4-FFF2-40B4-BE49-F238E27FC236}">
                <a16:creationId xmlns:a16="http://schemas.microsoft.com/office/drawing/2014/main" id="{4EFE316D-E990-4F4D-9DF9-18297388B842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7" name="Rechteck 16">
            <a:extLst>
              <a:ext uri="{FF2B5EF4-FFF2-40B4-BE49-F238E27FC236}">
                <a16:creationId xmlns:a16="http://schemas.microsoft.com/office/drawing/2014/main" id="{90F70A85-9431-4549-B9E4-F3A1667FF722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55117809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urm rechts brei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rafik 3">
            <a:extLst>
              <a:ext uri="{FF2B5EF4-FFF2-40B4-BE49-F238E27FC236}">
                <a16:creationId xmlns:a16="http://schemas.microsoft.com/office/drawing/2014/main" id="{12AD647D-D7CC-41E2-A901-FC68844BBC44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92" y="1785"/>
            <a:ext cx="12192000" cy="6854430"/>
          </a:xfrm>
          <a:prstGeom prst="rect">
            <a:avLst/>
          </a:prstGeom>
        </p:spPr>
      </p:pic>
      <p:sp>
        <p:nvSpPr>
          <p:cNvPr id="7" name="Textplatzhalter 25">
            <a:extLst>
              <a:ext uri="{FF2B5EF4-FFF2-40B4-BE49-F238E27FC236}">
                <a16:creationId xmlns:a16="http://schemas.microsoft.com/office/drawing/2014/main" id="{1F744B8B-53A8-435E-9E98-ED0B14941A98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8" y="1786270"/>
            <a:ext cx="8275429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5" name="Titel 1">
            <a:extLst>
              <a:ext uri="{FF2B5EF4-FFF2-40B4-BE49-F238E27FC236}">
                <a16:creationId xmlns:a16="http://schemas.microsoft.com/office/drawing/2014/main" id="{5A3062CF-3B79-4F8A-8AEB-A965B694E70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5087072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637B68DD-740B-42F8-A530-25BB92D0502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122CD5C6-49C6-4409-A57B-C6A3FC87DCBA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63E799E7-D9FD-4849-9D8D-9A650A24F81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332524A1-F6BF-40CD-A678-1D9006DCB507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48F4249C-47A7-4D6F-84FB-62BCDB46D42F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98212BE9-B875-47C3-AFD5-528DEA4966E6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CFACEA2B-ABFB-4632-B748-523C944A38CE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5" name="Rechteck 14">
            <a:extLst>
              <a:ext uri="{FF2B5EF4-FFF2-40B4-BE49-F238E27FC236}">
                <a16:creationId xmlns:a16="http://schemas.microsoft.com/office/drawing/2014/main" id="{F208F3B8-42EB-4B37-96F1-53C7505DC88C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73068672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Kontak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Bildplatzhalter 9">
            <a:extLst>
              <a:ext uri="{FF2B5EF4-FFF2-40B4-BE49-F238E27FC236}">
                <a16:creationId xmlns:a16="http://schemas.microsoft.com/office/drawing/2014/main" id="{0246D72C-5B60-41B4-8764-D91BE89AA326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31838" y="1704110"/>
            <a:ext cx="3550460" cy="441499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pic>
        <p:nvPicPr>
          <p:cNvPr id="4" name="Grafik 3">
            <a:extLst>
              <a:ext uri="{FF2B5EF4-FFF2-40B4-BE49-F238E27FC236}">
                <a16:creationId xmlns:a16="http://schemas.microsoft.com/office/drawing/2014/main" id="{B63C67D7-5A2A-412A-8B9B-AA0221E6B588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785"/>
            <a:ext cx="12192000" cy="6854430"/>
          </a:xfrm>
          <a:prstGeom prst="rect">
            <a:avLst/>
          </a:prstGeom>
        </p:spPr>
      </p:pic>
      <p:sp>
        <p:nvSpPr>
          <p:cNvPr id="5" name="Textplatzhalter 25">
            <a:extLst>
              <a:ext uri="{FF2B5EF4-FFF2-40B4-BE49-F238E27FC236}">
                <a16:creationId xmlns:a16="http://schemas.microsoft.com/office/drawing/2014/main" id="{80EA7301-73AB-4182-859F-40A221550123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4631301" y="2525163"/>
            <a:ext cx="4594180" cy="2982304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7" name="Titel 1">
            <a:extLst>
              <a:ext uri="{FF2B5EF4-FFF2-40B4-BE49-F238E27FC236}">
                <a16:creationId xmlns:a16="http://schemas.microsoft.com/office/drawing/2014/main" id="{42A28296-72E9-432F-89DB-1BBC62E3516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8" y="738364"/>
            <a:ext cx="6774556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6" name="Grafik 15">
            <a:extLst>
              <a:ext uri="{FF2B5EF4-FFF2-40B4-BE49-F238E27FC236}">
                <a16:creationId xmlns:a16="http://schemas.microsoft.com/office/drawing/2014/main" id="{8EAE40E9-CDE5-404B-8D0D-E1F7743A160D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81350" y="728663"/>
            <a:ext cx="1976479" cy="478414"/>
          </a:xfrm>
          <a:prstGeom prst="rect">
            <a:avLst/>
          </a:prstGeom>
        </p:spPr>
      </p:pic>
      <p:grpSp>
        <p:nvGrpSpPr>
          <p:cNvPr id="10" name="Gruppieren 9">
            <a:extLst>
              <a:ext uri="{FF2B5EF4-FFF2-40B4-BE49-F238E27FC236}">
                <a16:creationId xmlns:a16="http://schemas.microsoft.com/office/drawing/2014/main" id="{B01197FE-A15C-4A12-9194-BB11782BE27E}"/>
              </a:ext>
            </a:extLst>
          </p:cNvPr>
          <p:cNvGrpSpPr/>
          <p:nvPr userDrawn="1"/>
        </p:nvGrpSpPr>
        <p:grpSpPr>
          <a:xfrm>
            <a:off x="9137830" y="5286702"/>
            <a:ext cx="2328103" cy="1064182"/>
            <a:chOff x="8764274" y="5094525"/>
            <a:chExt cx="2715614" cy="1241315"/>
          </a:xfrm>
        </p:grpSpPr>
        <p:pic>
          <p:nvPicPr>
            <p:cNvPr id="13" name="Grafik 12">
              <a:extLst>
                <a:ext uri="{FF2B5EF4-FFF2-40B4-BE49-F238E27FC236}">
                  <a16:creationId xmlns:a16="http://schemas.microsoft.com/office/drawing/2014/main" id="{8A0FB2FA-A13C-431B-8B7A-0F71581D45F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221894" y="5363094"/>
              <a:ext cx="1257994" cy="387075"/>
            </a:xfrm>
            <a:prstGeom prst="rect">
              <a:avLst/>
            </a:prstGeom>
          </p:spPr>
        </p:pic>
        <p:pic>
          <p:nvPicPr>
            <p:cNvPr id="14" name="Grafik 13">
              <a:extLst>
                <a:ext uri="{FF2B5EF4-FFF2-40B4-BE49-F238E27FC236}">
                  <a16:creationId xmlns:a16="http://schemas.microsoft.com/office/drawing/2014/main" id="{E4CA7E23-D99C-4E91-9E83-A490FFED193D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8764274" y="5094525"/>
              <a:ext cx="1156294" cy="1241315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849688657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Far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hteck 10">
            <a:extLst>
              <a:ext uri="{FF2B5EF4-FFF2-40B4-BE49-F238E27FC236}">
                <a16:creationId xmlns:a16="http://schemas.microsoft.com/office/drawing/2014/main" id="{FC30C27B-DDBD-4F47-A469-5A695F1DCC1A}"/>
              </a:ext>
            </a:extLst>
          </p:cNvPr>
          <p:cNvSpPr/>
          <p:nvPr/>
        </p:nvSpPr>
        <p:spPr>
          <a:xfrm>
            <a:off x="835535" y="1471321"/>
            <a:ext cx="1525744" cy="895864"/>
          </a:xfrm>
          <a:prstGeom prst="rect">
            <a:avLst/>
          </a:prstGeom>
          <a:solidFill>
            <a:srgbClr val="CD171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15" name="Rechteck 14">
            <a:extLst>
              <a:ext uri="{FF2B5EF4-FFF2-40B4-BE49-F238E27FC236}">
                <a16:creationId xmlns:a16="http://schemas.microsoft.com/office/drawing/2014/main" id="{9D8EA240-936A-4638-BCE6-11FED123603E}"/>
              </a:ext>
            </a:extLst>
          </p:cNvPr>
          <p:cNvSpPr/>
          <p:nvPr/>
        </p:nvSpPr>
        <p:spPr>
          <a:xfrm>
            <a:off x="3847352" y="1480117"/>
            <a:ext cx="1525744" cy="895864"/>
          </a:xfrm>
          <a:prstGeom prst="rect">
            <a:avLst/>
          </a:prstGeom>
          <a:solidFill>
            <a:srgbClr val="F2F2F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16" name="Rechteck 15">
            <a:extLst>
              <a:ext uri="{FF2B5EF4-FFF2-40B4-BE49-F238E27FC236}">
                <a16:creationId xmlns:a16="http://schemas.microsoft.com/office/drawing/2014/main" id="{549FAE63-FDB6-4554-BB61-E03FF771325F}"/>
              </a:ext>
            </a:extLst>
          </p:cNvPr>
          <p:cNvSpPr/>
          <p:nvPr/>
        </p:nvSpPr>
        <p:spPr>
          <a:xfrm>
            <a:off x="6915731" y="1471321"/>
            <a:ext cx="1525744" cy="895864"/>
          </a:xfrm>
          <a:prstGeom prst="rect">
            <a:avLst/>
          </a:prstGeom>
          <a:solidFill>
            <a:srgbClr val="E7E7E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17" name="Rechteck 16">
            <a:extLst>
              <a:ext uri="{FF2B5EF4-FFF2-40B4-BE49-F238E27FC236}">
                <a16:creationId xmlns:a16="http://schemas.microsoft.com/office/drawing/2014/main" id="{51CCE698-91E4-49C0-A2C5-B526DA5C9E27}"/>
              </a:ext>
            </a:extLst>
          </p:cNvPr>
          <p:cNvSpPr/>
          <p:nvPr/>
        </p:nvSpPr>
        <p:spPr>
          <a:xfrm>
            <a:off x="9943989" y="1475423"/>
            <a:ext cx="1525744" cy="895864"/>
          </a:xfrm>
          <a:prstGeom prst="rect">
            <a:avLst/>
          </a:prstGeom>
          <a:solidFill>
            <a:srgbClr val="5A5A5A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19" name="Textfeld 18">
            <a:extLst>
              <a:ext uri="{FF2B5EF4-FFF2-40B4-BE49-F238E27FC236}">
                <a16:creationId xmlns:a16="http://schemas.microsoft.com/office/drawing/2014/main" id="{4F6CF8E2-250C-4B12-B3BD-8C2627CE2C12}"/>
              </a:ext>
            </a:extLst>
          </p:cNvPr>
          <p:cNvSpPr txBox="1"/>
          <p:nvPr/>
        </p:nvSpPr>
        <p:spPr>
          <a:xfrm>
            <a:off x="731838" y="728663"/>
            <a:ext cx="10746561" cy="5084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3200"/>
              </a:lnSpc>
            </a:pPr>
            <a:r>
              <a:rPr lang="de-DE" sz="2800" b="1" dirty="0"/>
              <a:t>Farben </a:t>
            </a:r>
            <a:r>
              <a:rPr lang="de-DE" sz="2000" dirty="0"/>
              <a:t>(Bitte sparsam verwenden!)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82E573C4-B32E-4A22-8F21-35BDAB864B7E}"/>
              </a:ext>
            </a:extLst>
          </p:cNvPr>
          <p:cNvSpPr txBox="1"/>
          <p:nvPr/>
        </p:nvSpPr>
        <p:spPr>
          <a:xfrm>
            <a:off x="767455" y="2489127"/>
            <a:ext cx="270334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Rot</a:t>
            </a:r>
          </a:p>
          <a:p>
            <a:r>
              <a:rPr lang="de-DE" dirty="0"/>
              <a:t>RGB 205/10/30</a:t>
            </a:r>
          </a:p>
          <a:p>
            <a:r>
              <a:rPr lang="de-DE" dirty="0"/>
              <a:t>CMYK  15/100/0/0</a:t>
            </a:r>
          </a:p>
          <a:p>
            <a:r>
              <a:rPr lang="de-DE" dirty="0"/>
              <a:t>HEX CD0A1E</a:t>
            </a:r>
          </a:p>
        </p:txBody>
      </p:sp>
      <p:sp>
        <p:nvSpPr>
          <p:cNvPr id="13" name="Textfeld 12">
            <a:extLst>
              <a:ext uri="{FF2B5EF4-FFF2-40B4-BE49-F238E27FC236}">
                <a16:creationId xmlns:a16="http://schemas.microsoft.com/office/drawing/2014/main" id="{A0EFFD2F-D9D7-48AB-B435-0894BDB4DE79}"/>
              </a:ext>
            </a:extLst>
          </p:cNvPr>
          <p:cNvSpPr txBox="1"/>
          <p:nvPr/>
        </p:nvSpPr>
        <p:spPr>
          <a:xfrm>
            <a:off x="3744197" y="2497923"/>
            <a:ext cx="2677892" cy="14773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Hellgrau</a:t>
            </a:r>
          </a:p>
          <a:p>
            <a:r>
              <a:rPr lang="de-DE" dirty="0"/>
              <a:t>RGB 242/242/242</a:t>
            </a:r>
          </a:p>
          <a:p>
            <a:r>
              <a:rPr lang="de-DE" dirty="0"/>
              <a:t>CMYK  0/0/0/7</a:t>
            </a:r>
          </a:p>
          <a:p>
            <a:r>
              <a:rPr lang="de-DE" dirty="0"/>
              <a:t>HEX F2F2F2</a:t>
            </a:r>
          </a:p>
          <a:p>
            <a:endParaRPr lang="de-DE" dirty="0"/>
          </a:p>
        </p:txBody>
      </p:sp>
      <p:sp>
        <p:nvSpPr>
          <p:cNvPr id="14" name="Textfeld 13">
            <a:extLst>
              <a:ext uri="{FF2B5EF4-FFF2-40B4-BE49-F238E27FC236}">
                <a16:creationId xmlns:a16="http://schemas.microsoft.com/office/drawing/2014/main" id="{7F1F27A2-BD1C-41B7-BB67-2245114EDB40}"/>
              </a:ext>
            </a:extLst>
          </p:cNvPr>
          <p:cNvSpPr txBox="1"/>
          <p:nvPr/>
        </p:nvSpPr>
        <p:spPr>
          <a:xfrm>
            <a:off x="6804633" y="2489127"/>
            <a:ext cx="267789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Mittelgrau</a:t>
            </a:r>
          </a:p>
          <a:p>
            <a:r>
              <a:rPr lang="de-DE" dirty="0"/>
              <a:t>RGB 231/231/231</a:t>
            </a:r>
          </a:p>
          <a:p>
            <a:r>
              <a:rPr lang="de-DE" dirty="0"/>
              <a:t>CMYK 0/0/0/13</a:t>
            </a:r>
          </a:p>
          <a:p>
            <a:r>
              <a:rPr lang="de-DE" dirty="0"/>
              <a:t>HEX E7E7E7</a:t>
            </a:r>
          </a:p>
        </p:txBody>
      </p:sp>
      <p:sp>
        <p:nvSpPr>
          <p:cNvPr id="18" name="Textfeld 17">
            <a:extLst>
              <a:ext uri="{FF2B5EF4-FFF2-40B4-BE49-F238E27FC236}">
                <a16:creationId xmlns:a16="http://schemas.microsoft.com/office/drawing/2014/main" id="{B969B7D1-6564-4BBA-A38A-42C6CFE2733F}"/>
              </a:ext>
            </a:extLst>
          </p:cNvPr>
          <p:cNvSpPr txBox="1"/>
          <p:nvPr/>
        </p:nvSpPr>
        <p:spPr>
          <a:xfrm>
            <a:off x="9819083" y="2489127"/>
            <a:ext cx="267789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Dunkelgrau</a:t>
            </a:r>
          </a:p>
          <a:p>
            <a:r>
              <a:rPr lang="de-DE" dirty="0"/>
              <a:t>RGB 90/90/90</a:t>
            </a:r>
          </a:p>
          <a:p>
            <a:r>
              <a:rPr lang="de-DE" dirty="0"/>
              <a:t>CMYK 0/0/0/79</a:t>
            </a:r>
          </a:p>
          <a:p>
            <a:r>
              <a:rPr lang="de-DE" dirty="0"/>
              <a:t>HEX 5A5A5A</a:t>
            </a:r>
          </a:p>
        </p:txBody>
      </p:sp>
      <p:sp>
        <p:nvSpPr>
          <p:cNvPr id="20" name="Textfeld 19">
            <a:extLst>
              <a:ext uri="{FF2B5EF4-FFF2-40B4-BE49-F238E27FC236}">
                <a16:creationId xmlns:a16="http://schemas.microsoft.com/office/drawing/2014/main" id="{82F65DA9-88EF-4D60-B73B-9533C2FEC0FB}"/>
              </a:ext>
            </a:extLst>
          </p:cNvPr>
          <p:cNvSpPr txBox="1"/>
          <p:nvPr/>
        </p:nvSpPr>
        <p:spPr>
          <a:xfrm>
            <a:off x="767455" y="5046911"/>
            <a:ext cx="270334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Blau</a:t>
            </a:r>
          </a:p>
          <a:p>
            <a:r>
              <a:rPr lang="de-DE" dirty="0"/>
              <a:t>RGB 28/129/191</a:t>
            </a:r>
          </a:p>
          <a:p>
            <a:r>
              <a:rPr lang="de-DE" dirty="0"/>
              <a:t>CMYK  81/39/4/0</a:t>
            </a:r>
          </a:p>
          <a:p>
            <a:r>
              <a:rPr lang="de-DE" dirty="0"/>
              <a:t>HEX 1C81BF</a:t>
            </a:r>
          </a:p>
        </p:txBody>
      </p:sp>
      <p:sp>
        <p:nvSpPr>
          <p:cNvPr id="21" name="Textfeld 20">
            <a:extLst>
              <a:ext uri="{FF2B5EF4-FFF2-40B4-BE49-F238E27FC236}">
                <a16:creationId xmlns:a16="http://schemas.microsoft.com/office/drawing/2014/main" id="{A82284D5-AE4F-4F34-9D1E-BD4124621ABC}"/>
              </a:ext>
            </a:extLst>
          </p:cNvPr>
          <p:cNvSpPr txBox="1"/>
          <p:nvPr/>
        </p:nvSpPr>
        <p:spPr>
          <a:xfrm>
            <a:off x="3744197" y="5046911"/>
            <a:ext cx="267789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Dunkelblau</a:t>
            </a:r>
          </a:p>
          <a:p>
            <a:r>
              <a:rPr lang="de-DE" dirty="0"/>
              <a:t>RGB 20/71/100</a:t>
            </a:r>
          </a:p>
          <a:p>
            <a:r>
              <a:rPr lang="de-DE" dirty="0"/>
              <a:t>CMYK  94/64/38/28</a:t>
            </a:r>
          </a:p>
          <a:p>
            <a:r>
              <a:rPr lang="de-DE" dirty="0"/>
              <a:t>HEX 144764</a:t>
            </a:r>
          </a:p>
        </p:txBody>
      </p:sp>
      <p:sp>
        <p:nvSpPr>
          <p:cNvPr id="22" name="Textfeld 21">
            <a:extLst>
              <a:ext uri="{FF2B5EF4-FFF2-40B4-BE49-F238E27FC236}">
                <a16:creationId xmlns:a16="http://schemas.microsoft.com/office/drawing/2014/main" id="{F018547F-EAF6-4C4B-8125-ECA3489B2306}"/>
              </a:ext>
            </a:extLst>
          </p:cNvPr>
          <p:cNvSpPr txBox="1"/>
          <p:nvPr/>
        </p:nvSpPr>
        <p:spPr>
          <a:xfrm>
            <a:off x="6804633" y="5046911"/>
            <a:ext cx="267789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Türkis</a:t>
            </a:r>
          </a:p>
          <a:p>
            <a:r>
              <a:rPr lang="de-DE" dirty="0"/>
              <a:t>RGB 38/183/183</a:t>
            </a:r>
          </a:p>
          <a:p>
            <a:r>
              <a:rPr lang="de-DE" dirty="0"/>
              <a:t>CMYK  71/0/34/0</a:t>
            </a:r>
          </a:p>
          <a:p>
            <a:r>
              <a:rPr lang="de-DE" dirty="0"/>
              <a:t>HEX 26B7B7</a:t>
            </a:r>
          </a:p>
        </p:txBody>
      </p:sp>
      <p:sp>
        <p:nvSpPr>
          <p:cNvPr id="23" name="Textfeld 22">
            <a:extLst>
              <a:ext uri="{FF2B5EF4-FFF2-40B4-BE49-F238E27FC236}">
                <a16:creationId xmlns:a16="http://schemas.microsoft.com/office/drawing/2014/main" id="{CD5BA559-ACFD-45B0-840E-FC2E558E45DC}"/>
              </a:ext>
            </a:extLst>
          </p:cNvPr>
          <p:cNvSpPr txBox="1"/>
          <p:nvPr/>
        </p:nvSpPr>
        <p:spPr>
          <a:xfrm>
            <a:off x="9819083" y="5046911"/>
            <a:ext cx="267789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Grün</a:t>
            </a:r>
          </a:p>
          <a:p>
            <a:r>
              <a:rPr lang="de-DE" dirty="0"/>
              <a:t>RGB 36/161/120</a:t>
            </a:r>
          </a:p>
          <a:p>
            <a:r>
              <a:rPr lang="de-DE" dirty="0"/>
              <a:t>CMYK  78/9/64/0</a:t>
            </a:r>
          </a:p>
          <a:p>
            <a:r>
              <a:rPr lang="de-DE" dirty="0"/>
              <a:t>HEX 24A178</a:t>
            </a:r>
          </a:p>
        </p:txBody>
      </p:sp>
      <p:sp>
        <p:nvSpPr>
          <p:cNvPr id="24" name="Rechteck 23">
            <a:extLst>
              <a:ext uri="{FF2B5EF4-FFF2-40B4-BE49-F238E27FC236}">
                <a16:creationId xmlns:a16="http://schemas.microsoft.com/office/drawing/2014/main" id="{0E0F7EB9-FA5E-49A3-A9EB-4D497A497ED9}"/>
              </a:ext>
            </a:extLst>
          </p:cNvPr>
          <p:cNvSpPr/>
          <p:nvPr/>
        </p:nvSpPr>
        <p:spPr>
          <a:xfrm>
            <a:off x="825965" y="4075893"/>
            <a:ext cx="1525744" cy="895864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25" name="Rechteck 24">
            <a:extLst>
              <a:ext uri="{FF2B5EF4-FFF2-40B4-BE49-F238E27FC236}">
                <a16:creationId xmlns:a16="http://schemas.microsoft.com/office/drawing/2014/main" id="{BFEA50E7-2158-4242-BA5A-99D8E3835C30}"/>
              </a:ext>
            </a:extLst>
          </p:cNvPr>
          <p:cNvSpPr/>
          <p:nvPr/>
        </p:nvSpPr>
        <p:spPr>
          <a:xfrm>
            <a:off x="3837782" y="4084689"/>
            <a:ext cx="1525744" cy="895864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26" name="Rechteck 25">
            <a:extLst>
              <a:ext uri="{FF2B5EF4-FFF2-40B4-BE49-F238E27FC236}">
                <a16:creationId xmlns:a16="http://schemas.microsoft.com/office/drawing/2014/main" id="{54746104-759B-444D-B63C-569D2E84E98F}"/>
              </a:ext>
            </a:extLst>
          </p:cNvPr>
          <p:cNvSpPr/>
          <p:nvPr/>
        </p:nvSpPr>
        <p:spPr>
          <a:xfrm>
            <a:off x="6906161" y="4075893"/>
            <a:ext cx="1525744" cy="895864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27" name="Rechteck 26">
            <a:extLst>
              <a:ext uri="{FF2B5EF4-FFF2-40B4-BE49-F238E27FC236}">
                <a16:creationId xmlns:a16="http://schemas.microsoft.com/office/drawing/2014/main" id="{740FDE8B-E5B3-4237-9BD0-72BC29465CB3}"/>
              </a:ext>
            </a:extLst>
          </p:cNvPr>
          <p:cNvSpPr/>
          <p:nvPr/>
        </p:nvSpPr>
        <p:spPr>
          <a:xfrm>
            <a:off x="9934419" y="4079995"/>
            <a:ext cx="1525744" cy="895864"/>
          </a:xfrm>
          <a:prstGeom prst="rect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28" name="Textfeld 27">
            <a:extLst>
              <a:ext uri="{FF2B5EF4-FFF2-40B4-BE49-F238E27FC236}">
                <a16:creationId xmlns:a16="http://schemas.microsoft.com/office/drawing/2014/main" id="{F0A8FFBE-505D-4EAC-96F8-9684C60088E7}"/>
              </a:ext>
            </a:extLst>
          </p:cNvPr>
          <p:cNvSpPr txBox="1"/>
          <p:nvPr/>
        </p:nvSpPr>
        <p:spPr>
          <a:xfrm>
            <a:off x="767455" y="5046911"/>
            <a:ext cx="270334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Blau</a:t>
            </a:r>
          </a:p>
          <a:p>
            <a:r>
              <a:rPr lang="de-DE" dirty="0"/>
              <a:t>RGB 28/129/191</a:t>
            </a:r>
          </a:p>
          <a:p>
            <a:r>
              <a:rPr lang="de-DE" dirty="0"/>
              <a:t>CMYK  81/39/4/0</a:t>
            </a:r>
          </a:p>
          <a:p>
            <a:r>
              <a:rPr lang="de-DE" dirty="0"/>
              <a:t>HEX 1C81BF</a:t>
            </a:r>
          </a:p>
        </p:txBody>
      </p:sp>
      <p:sp>
        <p:nvSpPr>
          <p:cNvPr id="29" name="Rechteck 28">
            <a:extLst>
              <a:ext uri="{FF2B5EF4-FFF2-40B4-BE49-F238E27FC236}">
                <a16:creationId xmlns:a16="http://schemas.microsoft.com/office/drawing/2014/main" id="{5557C245-F705-45E4-9693-6FE39D5B0AAC}"/>
              </a:ext>
            </a:extLst>
          </p:cNvPr>
          <p:cNvSpPr/>
          <p:nvPr/>
        </p:nvSpPr>
        <p:spPr>
          <a:xfrm>
            <a:off x="825965" y="4075893"/>
            <a:ext cx="1525744" cy="895864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0" name="Rechteck 29">
            <a:extLst>
              <a:ext uri="{FF2B5EF4-FFF2-40B4-BE49-F238E27FC236}">
                <a16:creationId xmlns:a16="http://schemas.microsoft.com/office/drawing/2014/main" id="{A6CF8470-7A21-4157-AE2A-0F3FE62D2D0E}"/>
              </a:ext>
            </a:extLst>
          </p:cNvPr>
          <p:cNvSpPr/>
          <p:nvPr/>
        </p:nvSpPr>
        <p:spPr>
          <a:xfrm>
            <a:off x="3837782" y="4084689"/>
            <a:ext cx="1525744" cy="895864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1" name="Rechteck 30">
            <a:extLst>
              <a:ext uri="{FF2B5EF4-FFF2-40B4-BE49-F238E27FC236}">
                <a16:creationId xmlns:a16="http://schemas.microsoft.com/office/drawing/2014/main" id="{055BF0A1-CFE5-483B-A5FC-C13F07540D8D}"/>
              </a:ext>
            </a:extLst>
          </p:cNvPr>
          <p:cNvSpPr/>
          <p:nvPr/>
        </p:nvSpPr>
        <p:spPr>
          <a:xfrm>
            <a:off x="6906161" y="4075893"/>
            <a:ext cx="1525744" cy="895864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2" name="Rechteck 31">
            <a:extLst>
              <a:ext uri="{FF2B5EF4-FFF2-40B4-BE49-F238E27FC236}">
                <a16:creationId xmlns:a16="http://schemas.microsoft.com/office/drawing/2014/main" id="{28BE30B9-49E5-497F-86CE-937B4916E143}"/>
              </a:ext>
            </a:extLst>
          </p:cNvPr>
          <p:cNvSpPr/>
          <p:nvPr/>
        </p:nvSpPr>
        <p:spPr>
          <a:xfrm>
            <a:off x="9934419" y="4079995"/>
            <a:ext cx="1525744" cy="895864"/>
          </a:xfrm>
          <a:prstGeom prst="rect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3" name="Textfeld 32">
            <a:extLst>
              <a:ext uri="{FF2B5EF4-FFF2-40B4-BE49-F238E27FC236}">
                <a16:creationId xmlns:a16="http://schemas.microsoft.com/office/drawing/2014/main" id="{AF86A66C-A7B0-4B6D-AE5B-DA212ECEF558}"/>
              </a:ext>
            </a:extLst>
          </p:cNvPr>
          <p:cNvSpPr txBox="1"/>
          <p:nvPr userDrawn="1"/>
        </p:nvSpPr>
        <p:spPr>
          <a:xfrm>
            <a:off x="767455" y="5046911"/>
            <a:ext cx="270334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/>
              <a:t>Blau</a:t>
            </a:r>
          </a:p>
          <a:p>
            <a:r>
              <a:rPr lang="de-DE" dirty="0"/>
              <a:t>RGB 28/129/191</a:t>
            </a:r>
          </a:p>
          <a:p>
            <a:r>
              <a:rPr lang="de-DE" dirty="0"/>
              <a:t>CMYK  81/39/4/0</a:t>
            </a:r>
          </a:p>
          <a:p>
            <a:r>
              <a:rPr lang="de-DE" dirty="0"/>
              <a:t>HEX 1C81BF</a:t>
            </a:r>
          </a:p>
        </p:txBody>
      </p:sp>
      <p:sp>
        <p:nvSpPr>
          <p:cNvPr id="34" name="Rechteck 33">
            <a:extLst>
              <a:ext uri="{FF2B5EF4-FFF2-40B4-BE49-F238E27FC236}">
                <a16:creationId xmlns:a16="http://schemas.microsoft.com/office/drawing/2014/main" id="{134250FE-531E-429B-BA80-C187781F0B5D}"/>
              </a:ext>
            </a:extLst>
          </p:cNvPr>
          <p:cNvSpPr/>
          <p:nvPr userDrawn="1"/>
        </p:nvSpPr>
        <p:spPr>
          <a:xfrm>
            <a:off x="825965" y="4075893"/>
            <a:ext cx="1525744" cy="895864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5" name="Rechteck 34">
            <a:extLst>
              <a:ext uri="{FF2B5EF4-FFF2-40B4-BE49-F238E27FC236}">
                <a16:creationId xmlns:a16="http://schemas.microsoft.com/office/drawing/2014/main" id="{DE7F4ED3-A8DA-4E03-B97F-5F8A0A797CF4}"/>
              </a:ext>
            </a:extLst>
          </p:cNvPr>
          <p:cNvSpPr/>
          <p:nvPr userDrawn="1"/>
        </p:nvSpPr>
        <p:spPr>
          <a:xfrm>
            <a:off x="3837782" y="4084689"/>
            <a:ext cx="1525744" cy="895864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6" name="Rechteck 35">
            <a:extLst>
              <a:ext uri="{FF2B5EF4-FFF2-40B4-BE49-F238E27FC236}">
                <a16:creationId xmlns:a16="http://schemas.microsoft.com/office/drawing/2014/main" id="{E563808D-E59A-4658-BCEE-671292FC69A8}"/>
              </a:ext>
            </a:extLst>
          </p:cNvPr>
          <p:cNvSpPr/>
          <p:nvPr userDrawn="1"/>
        </p:nvSpPr>
        <p:spPr>
          <a:xfrm>
            <a:off x="6906161" y="4075893"/>
            <a:ext cx="1525744" cy="895864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  <p:sp>
        <p:nvSpPr>
          <p:cNvPr id="37" name="Rechteck 36">
            <a:extLst>
              <a:ext uri="{FF2B5EF4-FFF2-40B4-BE49-F238E27FC236}">
                <a16:creationId xmlns:a16="http://schemas.microsoft.com/office/drawing/2014/main" id="{1B176F35-2ACE-4393-A3B7-F054D3AE8173}"/>
              </a:ext>
            </a:extLst>
          </p:cNvPr>
          <p:cNvSpPr/>
          <p:nvPr userDrawn="1"/>
        </p:nvSpPr>
        <p:spPr>
          <a:xfrm>
            <a:off x="9934419" y="4079995"/>
            <a:ext cx="1525744" cy="895864"/>
          </a:xfrm>
          <a:prstGeom prst="rect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2694608373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Icons und Leistung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Textfeld 18">
            <a:extLst>
              <a:ext uri="{FF2B5EF4-FFF2-40B4-BE49-F238E27FC236}">
                <a16:creationId xmlns:a16="http://schemas.microsoft.com/office/drawing/2014/main" id="{4F6CF8E2-250C-4B12-B3BD-8C2627CE2C12}"/>
              </a:ext>
            </a:extLst>
          </p:cNvPr>
          <p:cNvSpPr txBox="1"/>
          <p:nvPr/>
        </p:nvSpPr>
        <p:spPr>
          <a:xfrm>
            <a:off x="731838" y="728663"/>
            <a:ext cx="10746561" cy="50847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3200"/>
              </a:lnSpc>
            </a:pPr>
            <a:r>
              <a:rPr lang="de-DE" sz="2800" b="1" dirty="0"/>
              <a:t>Icons und Leistungen</a:t>
            </a:r>
            <a:endParaRPr lang="de-DE" sz="2000" dirty="0"/>
          </a:p>
        </p:txBody>
      </p:sp>
      <p:sp>
        <p:nvSpPr>
          <p:cNvPr id="24" name="Textplatzhalter 3">
            <a:extLst>
              <a:ext uri="{FF2B5EF4-FFF2-40B4-BE49-F238E27FC236}">
                <a16:creationId xmlns:a16="http://schemas.microsoft.com/office/drawing/2014/main" id="{0E08739F-366E-4F92-ADCB-5B3703FB1860}"/>
              </a:ext>
            </a:extLst>
          </p:cNvPr>
          <p:cNvSpPr>
            <a:spLocks noGrp="1"/>
          </p:cNvSpPr>
          <p:nvPr/>
        </p:nvSpPr>
        <p:spPr>
          <a:xfrm>
            <a:off x="613599" y="3747486"/>
            <a:ext cx="2147363" cy="2569269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sz="2000" b="1" dirty="0">
                <a:solidFill>
                  <a:schemeClr val="accent2"/>
                </a:solidFill>
              </a:rPr>
              <a:t>Einstie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Roadshows/Messen 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Fachvorträg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Live-Vorführungen</a:t>
            </a:r>
            <a:endParaRPr lang="de-DE" b="1" dirty="0">
              <a:solidFill>
                <a:schemeClr val="accent3"/>
              </a:solidFill>
            </a:endParaRPr>
          </a:p>
        </p:txBody>
      </p:sp>
      <p:pic>
        <p:nvPicPr>
          <p:cNvPr id="25" name="Grafik 24">
            <a:extLst>
              <a:ext uri="{FF2B5EF4-FFF2-40B4-BE49-F238E27FC236}">
                <a16:creationId xmlns:a16="http://schemas.microsoft.com/office/drawing/2014/main" id="{A8F872DD-BAAF-49CC-A04C-1B33A4D057F9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4137" y="2032694"/>
            <a:ext cx="1526285" cy="1526285"/>
          </a:xfrm>
          <a:prstGeom prst="rect">
            <a:avLst/>
          </a:prstGeom>
        </p:spPr>
      </p:pic>
      <p:pic>
        <p:nvPicPr>
          <p:cNvPr id="26" name="Grafik 25">
            <a:extLst>
              <a:ext uri="{FF2B5EF4-FFF2-40B4-BE49-F238E27FC236}">
                <a16:creationId xmlns:a16="http://schemas.microsoft.com/office/drawing/2014/main" id="{62BA81F9-D973-4311-A030-683FDDEAC720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54733" y="2032694"/>
            <a:ext cx="1526285" cy="1526285"/>
          </a:xfrm>
          <a:prstGeom prst="rect">
            <a:avLst/>
          </a:prstGeom>
        </p:spPr>
      </p:pic>
      <p:pic>
        <p:nvPicPr>
          <p:cNvPr id="27" name="Grafik 26">
            <a:extLst>
              <a:ext uri="{FF2B5EF4-FFF2-40B4-BE49-F238E27FC236}">
                <a16:creationId xmlns:a16="http://schemas.microsoft.com/office/drawing/2014/main" id="{E9195C0D-53F7-48AD-8776-1DA61E12EF14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67302" y="2032694"/>
            <a:ext cx="1526285" cy="1526285"/>
          </a:xfrm>
          <a:prstGeom prst="rect">
            <a:avLst/>
          </a:prstGeom>
        </p:spPr>
      </p:pic>
      <p:pic>
        <p:nvPicPr>
          <p:cNvPr id="28" name="Grafik 27">
            <a:extLst>
              <a:ext uri="{FF2B5EF4-FFF2-40B4-BE49-F238E27FC236}">
                <a16:creationId xmlns:a16="http://schemas.microsoft.com/office/drawing/2014/main" id="{425BA2B9-5195-4325-9C39-C00D97463874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10467" y="2032694"/>
            <a:ext cx="1527387" cy="1526285"/>
          </a:xfrm>
          <a:prstGeom prst="rect">
            <a:avLst/>
          </a:prstGeom>
        </p:spPr>
      </p:pic>
      <p:sp>
        <p:nvSpPr>
          <p:cNvPr id="29" name="Textplatzhalter 3">
            <a:extLst>
              <a:ext uri="{FF2B5EF4-FFF2-40B4-BE49-F238E27FC236}">
                <a16:creationId xmlns:a16="http://schemas.microsoft.com/office/drawing/2014/main" id="{2FB334C5-C83E-4639-A5AD-87CA7382F57F}"/>
              </a:ext>
            </a:extLst>
          </p:cNvPr>
          <p:cNvSpPr txBox="1">
            <a:spLocks/>
          </p:cNvSpPr>
          <p:nvPr/>
        </p:nvSpPr>
        <p:spPr>
          <a:xfrm>
            <a:off x="2994244" y="3747487"/>
            <a:ext cx="3072399" cy="2800088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3"/>
                </a:solidFill>
              </a:rPr>
              <a:t>Firmengespräch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Bedarfs-/Potenzialanalyse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Expert*innen-Austausch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Vern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30" name="Textplatzhalter 3">
            <a:extLst>
              <a:ext uri="{FF2B5EF4-FFF2-40B4-BE49-F238E27FC236}">
                <a16:creationId xmlns:a16="http://schemas.microsoft.com/office/drawing/2014/main" id="{E584C4E0-8EA6-4C86-9B2D-D8A457123C6C}"/>
              </a:ext>
            </a:extLst>
          </p:cNvPr>
          <p:cNvSpPr txBox="1">
            <a:spLocks/>
          </p:cNvSpPr>
          <p:nvPr/>
        </p:nvSpPr>
        <p:spPr>
          <a:xfrm>
            <a:off x="6013636" y="3747487"/>
            <a:ext cx="2721048" cy="2906620"/>
          </a:xfrm>
          <a:prstGeom prst="rect">
            <a:avLst/>
          </a:prstGeom>
        </p:spPr>
        <p:txBody>
          <a:bodyPr>
            <a:no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4"/>
                </a:solidFill>
              </a:rPr>
              <a:t>Kompetenzentwicklun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Workshops/Webinare</a:t>
            </a:r>
          </a:p>
          <a:p>
            <a:pPr algn="ctr">
              <a:spcBef>
                <a:spcPts val="1200"/>
              </a:spcBef>
            </a:pPr>
            <a:r>
              <a:rPr lang="de-DE" sz="1800" dirty="0" err="1">
                <a:cs typeface="Arial" panose="020B0604020202020204" pitchFamily="34" charset="0"/>
              </a:rPr>
              <a:t>Blended</a:t>
            </a:r>
            <a:r>
              <a:rPr lang="de-DE" sz="1800" dirty="0">
                <a:cs typeface="Arial" panose="020B0604020202020204" pitchFamily="34" charset="0"/>
              </a:rPr>
              <a:t>-Learning-Kurs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Digitaler Lerncontent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31" name="Textplatzhalter 3">
            <a:extLst>
              <a:ext uri="{FF2B5EF4-FFF2-40B4-BE49-F238E27FC236}">
                <a16:creationId xmlns:a16="http://schemas.microsoft.com/office/drawing/2014/main" id="{B235EA16-6050-4E97-B77C-50A0CE4BB610}"/>
              </a:ext>
            </a:extLst>
          </p:cNvPr>
          <p:cNvSpPr txBox="1">
            <a:spLocks/>
          </p:cNvSpPr>
          <p:nvPr/>
        </p:nvSpPr>
        <p:spPr>
          <a:xfrm>
            <a:off x="8857352" y="3747486"/>
            <a:ext cx="2721048" cy="2800087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5"/>
                </a:solidFill>
              </a:rPr>
              <a:t>Digitalisierungsprojekt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Strategieentwickl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Konzeptionier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Prototypische Ums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11" name="Textplatzhalter 3">
            <a:extLst>
              <a:ext uri="{FF2B5EF4-FFF2-40B4-BE49-F238E27FC236}">
                <a16:creationId xmlns:a16="http://schemas.microsoft.com/office/drawing/2014/main" id="{E7895784-6EA2-4B6A-BBA8-423DF4337098}"/>
              </a:ext>
            </a:extLst>
          </p:cNvPr>
          <p:cNvSpPr>
            <a:spLocks noGrp="1"/>
          </p:cNvSpPr>
          <p:nvPr/>
        </p:nvSpPr>
        <p:spPr>
          <a:xfrm>
            <a:off x="613599" y="3747486"/>
            <a:ext cx="2147363" cy="2569269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sz="2000" b="1" dirty="0">
                <a:solidFill>
                  <a:schemeClr val="accent2"/>
                </a:solidFill>
              </a:rPr>
              <a:t>Einstie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Roadshows/Messen 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Fachvorträg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Live-Vorführungen</a:t>
            </a:r>
            <a:endParaRPr lang="de-DE" b="1" dirty="0">
              <a:solidFill>
                <a:schemeClr val="accent3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B03F55F0-3D50-4B56-BA4A-2F0F10952B33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4137" y="2032694"/>
            <a:ext cx="1526285" cy="1526285"/>
          </a:xfrm>
          <a:prstGeom prst="rect">
            <a:avLst/>
          </a:prstGeom>
        </p:spPr>
      </p:pic>
      <p:pic>
        <p:nvPicPr>
          <p:cNvPr id="13" name="Grafik 12">
            <a:extLst>
              <a:ext uri="{FF2B5EF4-FFF2-40B4-BE49-F238E27FC236}">
                <a16:creationId xmlns:a16="http://schemas.microsoft.com/office/drawing/2014/main" id="{A7357865-284D-4D6A-9396-48CAE83678F3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54733" y="2032694"/>
            <a:ext cx="1526285" cy="1526285"/>
          </a:xfrm>
          <a:prstGeom prst="rect">
            <a:avLst/>
          </a:prstGeom>
        </p:spPr>
      </p:pic>
      <p:pic>
        <p:nvPicPr>
          <p:cNvPr id="14" name="Grafik 13">
            <a:extLst>
              <a:ext uri="{FF2B5EF4-FFF2-40B4-BE49-F238E27FC236}">
                <a16:creationId xmlns:a16="http://schemas.microsoft.com/office/drawing/2014/main" id="{F224BD8D-B980-4651-B0EF-4E9BAC355916}"/>
              </a:ext>
            </a:extLst>
          </p:cNvPr>
          <p:cNvPicPr>
            <a:picLocks noChangeAspect="1"/>
          </p:cNvPicPr>
          <p:nvPr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67302" y="2032694"/>
            <a:ext cx="1526285" cy="1526285"/>
          </a:xfrm>
          <a:prstGeom prst="rect">
            <a:avLst/>
          </a:prstGeom>
        </p:spPr>
      </p:pic>
      <p:pic>
        <p:nvPicPr>
          <p:cNvPr id="15" name="Grafik 14">
            <a:extLst>
              <a:ext uri="{FF2B5EF4-FFF2-40B4-BE49-F238E27FC236}">
                <a16:creationId xmlns:a16="http://schemas.microsoft.com/office/drawing/2014/main" id="{C5C16B07-C389-425B-9FF6-DF8C05FC800F}"/>
              </a:ext>
            </a:extLst>
          </p:cNvPr>
          <p:cNvPicPr>
            <a:picLocks noChangeAspect="1"/>
          </p:cNvPicPr>
          <p:nvPr/>
        </p:nvPicPr>
        <p:blipFill>
          <a:blip r:embed="rId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10467" y="2032694"/>
            <a:ext cx="1527387" cy="1526285"/>
          </a:xfrm>
          <a:prstGeom prst="rect">
            <a:avLst/>
          </a:prstGeom>
        </p:spPr>
      </p:pic>
      <p:sp>
        <p:nvSpPr>
          <p:cNvPr id="16" name="Textplatzhalter 3">
            <a:extLst>
              <a:ext uri="{FF2B5EF4-FFF2-40B4-BE49-F238E27FC236}">
                <a16:creationId xmlns:a16="http://schemas.microsoft.com/office/drawing/2014/main" id="{56369AD2-E3B3-46B9-A619-CFFC3E10DA24}"/>
              </a:ext>
            </a:extLst>
          </p:cNvPr>
          <p:cNvSpPr txBox="1">
            <a:spLocks/>
          </p:cNvSpPr>
          <p:nvPr/>
        </p:nvSpPr>
        <p:spPr>
          <a:xfrm>
            <a:off x="2994244" y="3747487"/>
            <a:ext cx="3072399" cy="2800088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3"/>
                </a:solidFill>
              </a:rPr>
              <a:t>Firmengespräch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Bedarfs-/Potenzialanalyse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Expert*innen-Austausch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Vern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17" name="Textplatzhalter 3">
            <a:extLst>
              <a:ext uri="{FF2B5EF4-FFF2-40B4-BE49-F238E27FC236}">
                <a16:creationId xmlns:a16="http://schemas.microsoft.com/office/drawing/2014/main" id="{C865F5A0-22C3-4D68-A297-39BB117FFEA4}"/>
              </a:ext>
            </a:extLst>
          </p:cNvPr>
          <p:cNvSpPr txBox="1">
            <a:spLocks/>
          </p:cNvSpPr>
          <p:nvPr/>
        </p:nvSpPr>
        <p:spPr>
          <a:xfrm>
            <a:off x="6013636" y="3747487"/>
            <a:ext cx="2721048" cy="2906620"/>
          </a:xfrm>
          <a:prstGeom prst="rect">
            <a:avLst/>
          </a:prstGeom>
        </p:spPr>
        <p:txBody>
          <a:bodyPr>
            <a:no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4"/>
                </a:solidFill>
              </a:rPr>
              <a:t>Kompetenzentwicklun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Workshops/Webinare</a:t>
            </a:r>
          </a:p>
          <a:p>
            <a:pPr algn="ctr">
              <a:spcBef>
                <a:spcPts val="1200"/>
              </a:spcBef>
            </a:pPr>
            <a:r>
              <a:rPr lang="de-DE" sz="1800" dirty="0" err="1">
                <a:cs typeface="Arial" panose="020B0604020202020204" pitchFamily="34" charset="0"/>
              </a:rPr>
              <a:t>Blended</a:t>
            </a:r>
            <a:r>
              <a:rPr lang="de-DE" sz="1800" dirty="0">
                <a:cs typeface="Arial" panose="020B0604020202020204" pitchFamily="34" charset="0"/>
              </a:rPr>
              <a:t>-Learning-Kurs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Digitaler Lerncontent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18" name="Textplatzhalter 3">
            <a:extLst>
              <a:ext uri="{FF2B5EF4-FFF2-40B4-BE49-F238E27FC236}">
                <a16:creationId xmlns:a16="http://schemas.microsoft.com/office/drawing/2014/main" id="{B72BCD67-471A-4B63-8344-071F419A770A}"/>
              </a:ext>
            </a:extLst>
          </p:cNvPr>
          <p:cNvSpPr txBox="1">
            <a:spLocks/>
          </p:cNvSpPr>
          <p:nvPr/>
        </p:nvSpPr>
        <p:spPr>
          <a:xfrm>
            <a:off x="8857352" y="3747486"/>
            <a:ext cx="2721048" cy="2800087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5"/>
                </a:solidFill>
              </a:rPr>
              <a:t>Digitalisierungsprojekt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Strategieentwickl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Konzeptionier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Prototypische Ums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20" name="Textplatzhalter 3">
            <a:extLst>
              <a:ext uri="{FF2B5EF4-FFF2-40B4-BE49-F238E27FC236}">
                <a16:creationId xmlns:a16="http://schemas.microsoft.com/office/drawing/2014/main" id="{66B58AC9-64D2-483A-9992-E93400EE97EF}"/>
              </a:ext>
            </a:extLst>
          </p:cNvPr>
          <p:cNvSpPr>
            <a:spLocks noGrp="1"/>
          </p:cNvSpPr>
          <p:nvPr userDrawn="1"/>
        </p:nvSpPr>
        <p:spPr>
          <a:xfrm>
            <a:off x="613599" y="3747486"/>
            <a:ext cx="2147363" cy="2569269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sz="2000" b="1" dirty="0">
                <a:solidFill>
                  <a:schemeClr val="accent2"/>
                </a:solidFill>
              </a:rPr>
              <a:t>Einstie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Roadshows/Messen 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Fachvorträg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Live-Vorführungen</a:t>
            </a:r>
            <a:endParaRPr lang="de-DE" b="1" dirty="0">
              <a:solidFill>
                <a:schemeClr val="accent3"/>
              </a:solidFill>
            </a:endParaRPr>
          </a:p>
        </p:txBody>
      </p:sp>
      <p:pic>
        <p:nvPicPr>
          <p:cNvPr id="21" name="Grafik 20">
            <a:extLst>
              <a:ext uri="{FF2B5EF4-FFF2-40B4-BE49-F238E27FC236}">
                <a16:creationId xmlns:a16="http://schemas.microsoft.com/office/drawing/2014/main" id="{156F730A-0C54-4E20-B86F-5983EC38CEBE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4137" y="2032694"/>
            <a:ext cx="1526285" cy="1526285"/>
          </a:xfrm>
          <a:prstGeom prst="rect">
            <a:avLst/>
          </a:prstGeom>
        </p:spPr>
      </p:pic>
      <p:pic>
        <p:nvPicPr>
          <p:cNvPr id="22" name="Grafik 21">
            <a:extLst>
              <a:ext uri="{FF2B5EF4-FFF2-40B4-BE49-F238E27FC236}">
                <a16:creationId xmlns:a16="http://schemas.microsoft.com/office/drawing/2014/main" id="{CC63C2E5-38EE-403B-8722-5D28FAD4AAFB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54733" y="2032694"/>
            <a:ext cx="1526285" cy="1526285"/>
          </a:xfrm>
          <a:prstGeom prst="rect">
            <a:avLst/>
          </a:prstGeom>
        </p:spPr>
      </p:pic>
      <p:pic>
        <p:nvPicPr>
          <p:cNvPr id="23" name="Grafik 22">
            <a:extLst>
              <a:ext uri="{FF2B5EF4-FFF2-40B4-BE49-F238E27FC236}">
                <a16:creationId xmlns:a16="http://schemas.microsoft.com/office/drawing/2014/main" id="{630D7BEE-7DD0-419A-8247-2D78664F68B6}"/>
              </a:ext>
            </a:extLst>
          </p:cNvPr>
          <p:cNvPicPr>
            <a:picLocks noChangeAspect="1"/>
          </p:cNvPicPr>
          <p:nvPr userDrawn="1"/>
        </p:nvPicPr>
        <p:blipFill>
          <a:blip r:embed="rId4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67302" y="2032694"/>
            <a:ext cx="1526285" cy="1526285"/>
          </a:xfrm>
          <a:prstGeom prst="rect">
            <a:avLst/>
          </a:prstGeom>
        </p:spPr>
      </p:pic>
      <p:pic>
        <p:nvPicPr>
          <p:cNvPr id="32" name="Grafik 31">
            <a:extLst>
              <a:ext uri="{FF2B5EF4-FFF2-40B4-BE49-F238E27FC236}">
                <a16:creationId xmlns:a16="http://schemas.microsoft.com/office/drawing/2014/main" id="{9791EE48-034D-46FA-8603-796F066F54C2}"/>
              </a:ext>
            </a:extLst>
          </p:cNvPr>
          <p:cNvPicPr>
            <a:picLocks noChangeAspect="1"/>
          </p:cNvPicPr>
          <p:nvPr userDrawn="1"/>
        </p:nvPicPr>
        <p:blipFill>
          <a:blip r:embed="rId5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10467" y="2032694"/>
            <a:ext cx="1527387" cy="1526285"/>
          </a:xfrm>
          <a:prstGeom prst="rect">
            <a:avLst/>
          </a:prstGeom>
        </p:spPr>
      </p:pic>
      <p:sp>
        <p:nvSpPr>
          <p:cNvPr id="33" name="Textplatzhalter 3">
            <a:extLst>
              <a:ext uri="{FF2B5EF4-FFF2-40B4-BE49-F238E27FC236}">
                <a16:creationId xmlns:a16="http://schemas.microsoft.com/office/drawing/2014/main" id="{EBDFA519-B151-4C7D-8EEF-49BC0CF34958}"/>
              </a:ext>
            </a:extLst>
          </p:cNvPr>
          <p:cNvSpPr txBox="1">
            <a:spLocks/>
          </p:cNvSpPr>
          <p:nvPr userDrawn="1"/>
        </p:nvSpPr>
        <p:spPr>
          <a:xfrm>
            <a:off x="2994244" y="3747487"/>
            <a:ext cx="3072399" cy="2800088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3"/>
                </a:solidFill>
              </a:rPr>
              <a:t>Firmengespräch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Bedarfs-/Potenzialanalyse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Expert*innen-Austausch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Vern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34" name="Textplatzhalter 3">
            <a:extLst>
              <a:ext uri="{FF2B5EF4-FFF2-40B4-BE49-F238E27FC236}">
                <a16:creationId xmlns:a16="http://schemas.microsoft.com/office/drawing/2014/main" id="{98784400-B0B9-45B9-9021-1C0FB9D60F90}"/>
              </a:ext>
            </a:extLst>
          </p:cNvPr>
          <p:cNvSpPr txBox="1">
            <a:spLocks/>
          </p:cNvSpPr>
          <p:nvPr userDrawn="1"/>
        </p:nvSpPr>
        <p:spPr>
          <a:xfrm>
            <a:off x="6013636" y="3747487"/>
            <a:ext cx="2721048" cy="2906620"/>
          </a:xfrm>
          <a:prstGeom prst="rect">
            <a:avLst/>
          </a:prstGeom>
        </p:spPr>
        <p:txBody>
          <a:bodyPr>
            <a:no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4"/>
                </a:solidFill>
              </a:rPr>
              <a:t>Kompetenzentwicklung</a:t>
            </a:r>
          </a:p>
          <a:p>
            <a:pPr algn="ctr">
              <a:spcBef>
                <a:spcPts val="2400"/>
              </a:spcBef>
            </a:pPr>
            <a:r>
              <a:rPr lang="de-DE" sz="1800" dirty="0">
                <a:cs typeface="Arial" panose="020B0604020202020204" pitchFamily="34" charset="0"/>
              </a:rPr>
              <a:t>Workshops/Webinare</a:t>
            </a:r>
          </a:p>
          <a:p>
            <a:pPr algn="ctr">
              <a:spcBef>
                <a:spcPts val="1200"/>
              </a:spcBef>
            </a:pPr>
            <a:r>
              <a:rPr lang="de-DE" sz="1800" dirty="0" err="1">
                <a:cs typeface="Arial" panose="020B0604020202020204" pitchFamily="34" charset="0"/>
              </a:rPr>
              <a:t>Blended</a:t>
            </a:r>
            <a:r>
              <a:rPr lang="de-DE" sz="1800" dirty="0">
                <a:cs typeface="Arial" panose="020B0604020202020204" pitchFamily="34" charset="0"/>
              </a:rPr>
              <a:t>-Learning-Kurse</a:t>
            </a:r>
          </a:p>
          <a:p>
            <a:pPr algn="ctr">
              <a:spcBef>
                <a:spcPts val="1200"/>
              </a:spcBef>
            </a:pPr>
            <a:r>
              <a:rPr lang="de-DE" sz="1800" dirty="0">
                <a:cs typeface="Arial" panose="020B0604020202020204" pitchFamily="34" charset="0"/>
              </a:rPr>
              <a:t>Digitaler Lerncontent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  <p:sp>
        <p:nvSpPr>
          <p:cNvPr id="35" name="Textplatzhalter 3">
            <a:extLst>
              <a:ext uri="{FF2B5EF4-FFF2-40B4-BE49-F238E27FC236}">
                <a16:creationId xmlns:a16="http://schemas.microsoft.com/office/drawing/2014/main" id="{B857F976-ADFF-419C-8B87-EA09906CCAB8}"/>
              </a:ext>
            </a:extLst>
          </p:cNvPr>
          <p:cNvSpPr txBox="1">
            <a:spLocks/>
          </p:cNvSpPr>
          <p:nvPr userDrawn="1"/>
        </p:nvSpPr>
        <p:spPr>
          <a:xfrm>
            <a:off x="8857352" y="3747486"/>
            <a:ext cx="2721048" cy="2800087"/>
          </a:xfrm>
          <a:prstGeom prst="rect">
            <a:avLst/>
          </a:prstGeom>
        </p:spPr>
        <p:txBody>
          <a:bodyPr>
            <a:normAutofit/>
          </a:bodyPr>
          <a:lstStyle>
            <a:defPPr>
              <a:defRPr lang="de-DE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Bef>
                <a:spcPts val="1200"/>
              </a:spcBef>
            </a:pPr>
            <a:r>
              <a:rPr lang="de-DE" b="1" dirty="0">
                <a:solidFill>
                  <a:schemeClr val="accent5"/>
                </a:solidFill>
              </a:rPr>
              <a:t>Digitalisierungsprojekte</a:t>
            </a:r>
          </a:p>
          <a:p>
            <a:pPr algn="ctr">
              <a:spcBef>
                <a:spcPts val="24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Strategieentwickl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Konzeptionierung</a:t>
            </a:r>
          </a:p>
          <a:p>
            <a:pPr algn="ctr">
              <a:spcBef>
                <a:spcPts val="1200"/>
              </a:spcBef>
              <a:buSzPct val="80000"/>
            </a:pPr>
            <a:r>
              <a:rPr lang="de-DE" sz="1800" dirty="0">
                <a:cs typeface="Arial" panose="020B0604020202020204" pitchFamily="34" charset="0"/>
              </a:rPr>
              <a:t>Prototypische Umsetzung</a:t>
            </a:r>
          </a:p>
          <a:p>
            <a:pPr algn="ctr">
              <a:spcBef>
                <a:spcPts val="1200"/>
              </a:spcBef>
            </a:pPr>
            <a:endParaRPr lang="de-DE" b="1" dirty="0">
              <a:solidFill>
                <a:schemeClr val="accent3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58087705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1_Leiste unten schmal 3 Bil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platzhalter 12">
            <a:extLst>
              <a:ext uri="{FF2B5EF4-FFF2-40B4-BE49-F238E27FC236}">
                <a16:creationId xmlns:a16="http://schemas.microsoft.com/office/drawing/2014/main" id="{9A326EF6-C590-4E52-9E99-83E825F787B3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11118113" y="2807660"/>
            <a:ext cx="360362" cy="2827338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sp>
        <p:nvSpPr>
          <p:cNvPr id="12" name="Textplatzhalter 25">
            <a:extLst>
              <a:ext uri="{FF2B5EF4-FFF2-40B4-BE49-F238E27FC236}">
                <a16:creationId xmlns:a16="http://schemas.microsoft.com/office/drawing/2014/main" id="{64B88DC3-8868-4D19-9006-B35F702138C1}"/>
              </a:ext>
            </a:extLst>
          </p:cNvPr>
          <p:cNvSpPr>
            <a:spLocks noGrp="1"/>
          </p:cNvSpPr>
          <p:nvPr>
            <p:ph type="body" sz="quarter" idx="17"/>
          </p:nvPr>
        </p:nvSpPr>
        <p:spPr>
          <a:xfrm>
            <a:off x="741264" y="1786271"/>
            <a:ext cx="10728325" cy="717648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685800" marR="0" lvl="1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1143000" marR="0" lvl="2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1600200" marR="0" lvl="3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4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057400" marR="0" lvl="4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4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</a:p>
        </p:txBody>
      </p:sp>
      <p:sp>
        <p:nvSpPr>
          <p:cNvPr id="11" name="Titel 1">
            <a:extLst>
              <a:ext uri="{FF2B5EF4-FFF2-40B4-BE49-F238E27FC236}">
                <a16:creationId xmlns:a16="http://schemas.microsoft.com/office/drawing/2014/main" id="{E2187118-A131-4E2C-9AC2-E48B6EFF265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728325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5" name="Grafik 14">
            <a:extLst>
              <a:ext uri="{FF2B5EF4-FFF2-40B4-BE49-F238E27FC236}">
                <a16:creationId xmlns:a16="http://schemas.microsoft.com/office/drawing/2014/main" id="{AFD971A3-F4F7-4647-A048-CFB548E4C444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6" name="Rechteck 15">
            <a:extLst>
              <a:ext uri="{FF2B5EF4-FFF2-40B4-BE49-F238E27FC236}">
                <a16:creationId xmlns:a16="http://schemas.microsoft.com/office/drawing/2014/main" id="{E45EB2C0-FBF0-45F8-9E69-CE317E8C2424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8" name="Bildplatzhalter 7">
            <a:extLst>
              <a:ext uri="{FF2B5EF4-FFF2-40B4-BE49-F238E27FC236}">
                <a16:creationId xmlns:a16="http://schemas.microsoft.com/office/drawing/2014/main" id="{5957BF08-18E1-4EF8-AADD-E859615A19DA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744342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9" name="Bildplatzhalter 7">
            <a:extLst>
              <a:ext uri="{FF2B5EF4-FFF2-40B4-BE49-F238E27FC236}">
                <a16:creationId xmlns:a16="http://schemas.microsoft.com/office/drawing/2014/main" id="{7949750F-1706-453C-83F5-E61070B08F8F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4343825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Bildplatzhalter 7">
            <a:extLst>
              <a:ext uri="{FF2B5EF4-FFF2-40B4-BE49-F238E27FC236}">
                <a16:creationId xmlns:a16="http://schemas.microsoft.com/office/drawing/2014/main" id="{85C8745D-5BBE-4EB3-95E8-56FEC5B73D03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962163" y="2807660"/>
            <a:ext cx="3155950" cy="2827338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</p:spTree>
    <p:extLst>
      <p:ext uri="{BB962C8B-B14F-4D97-AF65-F5344CB8AC3E}">
        <p14:creationId xmlns:p14="http://schemas.microsoft.com/office/powerpoint/2010/main" val="409709552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lean mit Bild rech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Bildplatzhalter 9">
            <a:extLst>
              <a:ext uri="{FF2B5EF4-FFF2-40B4-BE49-F238E27FC236}">
                <a16:creationId xmlns:a16="http://schemas.microsoft.com/office/drawing/2014/main" id="{E6BDDEC9-A8F8-43DA-B09C-B9E2751F9020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6273800" y="728663"/>
            <a:ext cx="4964227" cy="5400675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9" name="Textplatzhalter 12">
            <a:extLst>
              <a:ext uri="{FF2B5EF4-FFF2-40B4-BE49-F238E27FC236}">
                <a16:creationId xmlns:a16="http://schemas.microsoft.com/office/drawing/2014/main" id="{3E46B24F-A6CA-40BC-905F-F3EC93143A8C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11238027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C3A6CA07-3962-4ABF-8323-8958692022F6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6BF01395-4986-48C4-93D7-B63EE208144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C79B326C-3BC5-4D40-83DD-A916F6A3E19F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E3BB17A5-5406-49D4-A017-471552252F2B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2" name="Textplatzhalter 25">
            <a:extLst>
              <a:ext uri="{FF2B5EF4-FFF2-40B4-BE49-F238E27FC236}">
                <a16:creationId xmlns:a16="http://schemas.microsoft.com/office/drawing/2014/main" id="{05614872-2B1D-496B-AD14-40D668AE12B0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731839" y="1786270"/>
            <a:ext cx="5258764" cy="4332837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5" name="Titel 1">
            <a:extLst>
              <a:ext uri="{FF2B5EF4-FFF2-40B4-BE49-F238E27FC236}">
                <a16:creationId xmlns:a16="http://schemas.microsoft.com/office/drawing/2014/main" id="{3D740623-B298-4D01-8AC2-3F4CF8AD49D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9" y="738364"/>
            <a:ext cx="5258764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526550061"/>
      </p:ext>
    </p:extLst>
  </p:cSld>
  <p:clrMapOvr>
    <a:masterClrMapping/>
  </p:clrMapOvr>
  <p:hf hdr="0" ftr="0" dt="0"/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lean mit Bild link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Bildplatzhalter 7">
            <a:extLst>
              <a:ext uri="{FF2B5EF4-FFF2-40B4-BE49-F238E27FC236}">
                <a16:creationId xmlns:a16="http://schemas.microsoft.com/office/drawing/2014/main" id="{CDB1EA9F-7717-4215-BD2C-F0973DA95315}"/>
              </a:ext>
            </a:extLst>
          </p:cNvPr>
          <p:cNvSpPr>
            <a:spLocks noGrp="1"/>
          </p:cNvSpPr>
          <p:nvPr>
            <p:ph type="pic" sz="quarter" idx="12"/>
          </p:nvPr>
        </p:nvSpPr>
        <p:spPr>
          <a:xfrm>
            <a:off x="1010093" y="728663"/>
            <a:ext cx="4934143" cy="5380960"/>
          </a:xfrm>
          <a:prstGeom prst="rect">
            <a:avLst/>
          </a:prstGeo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10" name="Textplatzhalter 12">
            <a:extLst>
              <a:ext uri="{FF2B5EF4-FFF2-40B4-BE49-F238E27FC236}">
                <a16:creationId xmlns:a16="http://schemas.microsoft.com/office/drawing/2014/main" id="{871A80FE-9C73-45F2-A581-855A20CB6177}"/>
              </a:ext>
            </a:extLst>
          </p:cNvPr>
          <p:cNvSpPr>
            <a:spLocks noGrp="1"/>
          </p:cNvSpPr>
          <p:nvPr>
            <p:ph type="body" sz="quarter" idx="14"/>
          </p:nvPr>
        </p:nvSpPr>
        <p:spPr>
          <a:xfrm>
            <a:off x="731838" y="728663"/>
            <a:ext cx="360362" cy="538162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67589A05-2089-4291-AB93-A6F9ED2CD1A0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FB842A73-7662-4077-B771-1982AC5FCAE5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395895A1-0B76-47AB-AE6C-4955BC5CCBB8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4" name="Rechteck 13">
            <a:extLst>
              <a:ext uri="{FF2B5EF4-FFF2-40B4-BE49-F238E27FC236}">
                <a16:creationId xmlns:a16="http://schemas.microsoft.com/office/drawing/2014/main" id="{90C31C4B-83A0-4E82-BF32-20831C8FADE3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7" name="Textplatzhalter 25">
            <a:extLst>
              <a:ext uri="{FF2B5EF4-FFF2-40B4-BE49-F238E27FC236}">
                <a16:creationId xmlns:a16="http://schemas.microsoft.com/office/drawing/2014/main" id="{BDC62900-F953-410C-96BE-F1F576498DEA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273800" y="1786271"/>
            <a:ext cx="5186363" cy="4323352"/>
          </a:xfrm>
          <a:prstGeom prst="rect">
            <a:avLst/>
          </a:prstGeom>
        </p:spPr>
        <p:txBody>
          <a:bodyPr>
            <a:normAutofit/>
          </a:bodyPr>
          <a:lstStyle>
            <a:lvl1pPr marL="228600" marR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 sz="1800"/>
            </a:lvl1pPr>
            <a:lvl2pPr marL="6858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2pPr>
            <a:lvl3pPr marL="11430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3pPr>
            <a:lvl4pPr marL="16002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4pPr>
            <a:lvl5pPr marL="2057400" marR="0" indent="-228600" algn="l" defTabSz="914400" rtl="0" eaLnBrk="1" fontAlgn="auto" latinLnBrk="0" hangingPunct="1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lvl5pPr>
          </a:lstStyle>
          <a:p>
            <a:pPr marL="228600" marR="0" lvl="0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Mastertextformat bearbeiten</a:t>
            </a:r>
          </a:p>
          <a:p>
            <a:pPr marL="228600" marR="0" lvl="1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Zweite Ebene</a:t>
            </a:r>
          </a:p>
          <a:p>
            <a:pPr marL="228600" marR="0" lvl="2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Dritte Ebene</a:t>
            </a:r>
          </a:p>
          <a:p>
            <a:pPr marL="228600" marR="0" lvl="3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Vierte Ebene</a:t>
            </a:r>
          </a:p>
          <a:p>
            <a:pPr marL="228600" marR="0" lvl="4" indent="-228600" algn="l" defTabSz="914400" rtl="0" eaLnBrk="1" fontAlgn="auto" latinLnBrk="0" hangingPunct="1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CD0A1E"/>
              </a:buClr>
              <a:buSzPct val="80000"/>
              <a:buFont typeface="Wingdings" panose="05000000000000000000" pitchFamily="2" charset="2"/>
              <a:buChar char="§"/>
              <a:tabLst/>
              <a:defRPr/>
            </a:pPr>
            <a:r>
              <a:rPr kumimoji="0" lang="de-DE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Fünfte Ebene</a:t>
            </a:r>
            <a:endParaRPr kumimoji="0" lang="de-DE" sz="1400" b="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8" name="Titel 1">
            <a:extLst>
              <a:ext uri="{FF2B5EF4-FFF2-40B4-BE49-F238E27FC236}">
                <a16:creationId xmlns:a16="http://schemas.microsoft.com/office/drawing/2014/main" id="{ED42D022-20F9-4A26-90AC-A4C006A91E2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273799" y="738364"/>
            <a:ext cx="5186363" cy="817060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2747061132"/>
      </p:ext>
    </p:extLst>
  </p:cSld>
  <p:clrMapOvr>
    <a:masterClrMapping/>
  </p:clrMapOvr>
  <p:hf hdr="0" ftr="0" dt="0"/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Grosses Bil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Bildplatzhalter 3">
            <a:extLst>
              <a:ext uri="{FF2B5EF4-FFF2-40B4-BE49-F238E27FC236}">
                <a16:creationId xmlns:a16="http://schemas.microsoft.com/office/drawing/2014/main" id="{A918ABBB-309C-49D3-A501-D8FD5A88B20C}"/>
              </a:ext>
            </a:extLst>
          </p:cNvPr>
          <p:cNvSpPr>
            <a:spLocks noGrp="1"/>
          </p:cNvSpPr>
          <p:nvPr>
            <p:ph type="pic" sz="quarter" idx="10"/>
          </p:nvPr>
        </p:nvSpPr>
        <p:spPr>
          <a:xfrm>
            <a:off x="731839" y="728663"/>
            <a:ext cx="10557156" cy="5400675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3" name="Textplatzhalter 12">
            <a:extLst>
              <a:ext uri="{FF2B5EF4-FFF2-40B4-BE49-F238E27FC236}">
                <a16:creationId xmlns:a16="http://schemas.microsoft.com/office/drawing/2014/main" id="{1B5E88B3-530C-4A6E-BD72-9FD57E2F4F5C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728661"/>
            <a:ext cx="360362" cy="5400676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2F418153-8C6F-4411-A3B8-5B25D8F77BEE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600D3861-1A76-45C1-B1C3-5DE385EDAF5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D25E5F4D-8BB9-4C66-8F29-4F510160AFFF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7" name="Rechteck 6">
            <a:extLst>
              <a:ext uri="{FF2B5EF4-FFF2-40B4-BE49-F238E27FC236}">
                <a16:creationId xmlns:a16="http://schemas.microsoft.com/office/drawing/2014/main" id="{FCD1C082-240E-47A7-84E2-733293F44A20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0" name="Grafik 9">
            <a:extLst>
              <a:ext uri="{FF2B5EF4-FFF2-40B4-BE49-F238E27FC236}">
                <a16:creationId xmlns:a16="http://schemas.microsoft.com/office/drawing/2014/main" id="{57DDFA99-1FA0-4283-8D53-C23CBA6DEA06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1" name="Rechteck 10">
            <a:extLst>
              <a:ext uri="{FF2B5EF4-FFF2-40B4-BE49-F238E27FC236}">
                <a16:creationId xmlns:a16="http://schemas.microsoft.com/office/drawing/2014/main" id="{7435E33B-5E7D-4AD2-8607-36A7724AF90F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pic>
        <p:nvPicPr>
          <p:cNvPr id="12" name="Grafik 11">
            <a:extLst>
              <a:ext uri="{FF2B5EF4-FFF2-40B4-BE49-F238E27FC236}">
                <a16:creationId xmlns:a16="http://schemas.microsoft.com/office/drawing/2014/main" id="{DF945B3B-0310-47FF-80CE-CB6A93A0F3CB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13" name="Rechteck 12">
            <a:extLst>
              <a:ext uri="{FF2B5EF4-FFF2-40B4-BE49-F238E27FC236}">
                <a16:creationId xmlns:a16="http://schemas.microsoft.com/office/drawing/2014/main" id="{68CF0AA0-7E2E-453B-ADE4-651CC1D296DC}"/>
              </a:ext>
            </a:extLst>
          </p:cNvPr>
          <p:cNvSpPr/>
          <p:nvPr userDrawn="1"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011993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Grosses Bild mit Überschri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platzhalter 12">
            <a:extLst>
              <a:ext uri="{FF2B5EF4-FFF2-40B4-BE49-F238E27FC236}">
                <a16:creationId xmlns:a16="http://schemas.microsoft.com/office/drawing/2014/main" id="{1B5E88B3-530C-4A6E-BD72-9FD57E2F4F5C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1418602"/>
            <a:ext cx="360362" cy="4710735"/>
          </a:xfrm>
          <a:prstGeom prst="rect">
            <a:avLst/>
          </a:prstGeom>
        </p:spPr>
        <p:txBody>
          <a:bodyPr vert="vert270"/>
          <a:lstStyle>
            <a:lvl1pPr marL="0" indent="0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2F418153-8C6F-4411-A3B8-5B25D8F77BEE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600D3861-1A76-45C1-B1C3-5DE385EDAF5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10" name="Bildplatzhalter 3">
            <a:extLst>
              <a:ext uri="{FF2B5EF4-FFF2-40B4-BE49-F238E27FC236}">
                <a16:creationId xmlns:a16="http://schemas.microsoft.com/office/drawing/2014/main" id="{4E22CB9A-A86B-4FBD-A264-7DFCC7CB9208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31839" y="1444238"/>
            <a:ext cx="10557156" cy="467539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11" name="Titel 1">
            <a:extLst>
              <a:ext uri="{FF2B5EF4-FFF2-40B4-BE49-F238E27FC236}">
                <a16:creationId xmlns:a16="http://schemas.microsoft.com/office/drawing/2014/main" id="{2A972702-4F65-4029-A628-A493A99B54D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474291" cy="628963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2491769798"/>
      </p:ext>
    </p:extLst>
  </p:cSld>
  <p:clrMapOvr>
    <a:masterClrMapping/>
  </p:clrMapOvr>
  <p:hf hdr="0" ftr="0" dt="0"/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Grosses Bild mit Überschrift und Leiste ob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Grafik 11">
            <a:extLst>
              <a:ext uri="{FF2B5EF4-FFF2-40B4-BE49-F238E27FC236}">
                <a16:creationId xmlns:a16="http://schemas.microsoft.com/office/drawing/2014/main" id="{134635DD-EFD3-449E-8833-E39F457A008A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  <p:pic>
        <p:nvPicPr>
          <p:cNvPr id="10" name="Grafik 9">
            <a:extLst>
              <a:ext uri="{FF2B5EF4-FFF2-40B4-BE49-F238E27FC236}">
                <a16:creationId xmlns:a16="http://schemas.microsoft.com/office/drawing/2014/main" id="{2407F7BD-67BE-478D-BCF6-0636E22C65C7}"/>
              </a:ext>
            </a:extLst>
          </p:cNvPr>
          <p:cNvPicPr>
            <a:picLocks noChangeAspect="1"/>
          </p:cNvPicPr>
          <p:nvPr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  <p:sp>
        <p:nvSpPr>
          <p:cNvPr id="11" name="Bildplatzhalter 3">
            <a:extLst>
              <a:ext uri="{FF2B5EF4-FFF2-40B4-BE49-F238E27FC236}">
                <a16:creationId xmlns:a16="http://schemas.microsoft.com/office/drawing/2014/main" id="{432236B7-2F78-489E-B693-1BCB98798146}"/>
              </a:ext>
            </a:extLst>
          </p:cNvPr>
          <p:cNvSpPr>
            <a:spLocks noGrp="1"/>
          </p:cNvSpPr>
          <p:nvPr>
            <p:ph type="pic" sz="quarter" idx="14"/>
          </p:nvPr>
        </p:nvSpPr>
        <p:spPr>
          <a:xfrm>
            <a:off x="731839" y="1444238"/>
            <a:ext cx="10557156" cy="4685100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  <p:sp>
        <p:nvSpPr>
          <p:cNvPr id="3" name="Textplatzhalter 12">
            <a:extLst>
              <a:ext uri="{FF2B5EF4-FFF2-40B4-BE49-F238E27FC236}">
                <a16:creationId xmlns:a16="http://schemas.microsoft.com/office/drawing/2014/main" id="{1B5E88B3-530C-4A6E-BD72-9FD57E2F4F5C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 rot="10800000">
            <a:off x="11206128" y="2926576"/>
            <a:ext cx="360362" cy="3202761"/>
          </a:xfrm>
          <a:prstGeom prst="rect">
            <a:avLst/>
          </a:prstGeom>
        </p:spPr>
        <p:txBody>
          <a:bodyPr vert="vert270"/>
          <a:lstStyle>
            <a:lvl1pPr marL="0" indent="0" algn="r">
              <a:buNone/>
              <a:defRPr sz="1000">
                <a:solidFill>
                  <a:schemeClr val="accent6">
                    <a:lumMod val="75000"/>
                  </a:schemeClr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5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</a:lstStyle>
          <a:p>
            <a:pPr lvl="0"/>
            <a:r>
              <a:rPr lang="de-DE"/>
              <a:t>Mastertextformat bearbeiten</a:t>
            </a:r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2F418153-8C6F-4411-A3B8-5B25D8F77BEE}"/>
              </a:ext>
            </a:extLst>
          </p:cNvPr>
          <p:cNvPicPr>
            <a:picLocks noChangeAspect="1"/>
          </p:cNvPicPr>
          <p:nvPr/>
        </p:nvPicPr>
        <p:blipFill>
          <a:blip r:embed="rId3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655733" y="6358788"/>
            <a:ext cx="359720" cy="359720"/>
          </a:xfrm>
          <a:prstGeom prst="rect">
            <a:avLst/>
          </a:prstGeom>
        </p:spPr>
      </p:pic>
      <p:sp>
        <p:nvSpPr>
          <p:cNvPr id="9" name="Rechteck 8">
            <a:extLst>
              <a:ext uri="{FF2B5EF4-FFF2-40B4-BE49-F238E27FC236}">
                <a16:creationId xmlns:a16="http://schemas.microsoft.com/office/drawing/2014/main" id="{600D3861-1A76-45C1-B1C3-5DE385EDAF51}"/>
              </a:ext>
            </a:extLst>
          </p:cNvPr>
          <p:cNvSpPr/>
          <p:nvPr/>
        </p:nvSpPr>
        <p:spPr>
          <a:xfrm>
            <a:off x="11573213" y="6384759"/>
            <a:ext cx="524760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fld id="{92D6A354-6E04-4C84-9400-D460AB6F4DB1}" type="slidenum">
              <a:rPr lang="de-DE" sz="1400" b="1" smtClean="0">
                <a:solidFill>
                  <a:schemeClr val="tx1"/>
                </a:solidFill>
              </a:rPr>
              <a:pPr algn="ctr"/>
              <a:t>‹Nr.›</a:t>
            </a:fld>
            <a:endParaRPr lang="de-DE" sz="1400" b="1" dirty="0">
              <a:solidFill>
                <a:schemeClr val="tx1"/>
              </a:solidFill>
            </a:endParaRPr>
          </a:p>
        </p:txBody>
      </p:sp>
      <p:sp>
        <p:nvSpPr>
          <p:cNvPr id="6" name="Titel 1">
            <a:extLst>
              <a:ext uri="{FF2B5EF4-FFF2-40B4-BE49-F238E27FC236}">
                <a16:creationId xmlns:a16="http://schemas.microsoft.com/office/drawing/2014/main" id="{D2113ACE-2543-4F09-9C57-16DE4C3D13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38364"/>
            <a:ext cx="10557156" cy="628963"/>
          </a:xfrm>
          <a:prstGeom prst="rect">
            <a:avLst/>
          </a:prstGeom>
        </p:spPr>
        <p:txBody>
          <a:bodyPr/>
          <a:lstStyle>
            <a:lvl1pPr>
              <a:lnSpc>
                <a:spcPts val="2800"/>
              </a:lnSpc>
              <a:defRPr sz="2800" b="1" spc="0" baseline="0"/>
            </a:lvl1pPr>
          </a:lstStyle>
          <a:p>
            <a:r>
              <a:rPr lang="de-DE"/>
              <a:t>Mastertitelformat bearbeiten</a:t>
            </a:r>
            <a:endParaRPr lang="de-DE" dirty="0"/>
          </a:p>
        </p:txBody>
      </p:sp>
      <p:pic>
        <p:nvPicPr>
          <p:cNvPr id="13" name="Grafik 12">
            <a:extLst>
              <a:ext uri="{FF2B5EF4-FFF2-40B4-BE49-F238E27FC236}">
                <a16:creationId xmlns:a16="http://schemas.microsoft.com/office/drawing/2014/main" id="{8FFBB6B9-97A5-4D43-9848-F2FFB1E738A9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hq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09" y="0"/>
            <a:ext cx="12179581" cy="284966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32304154"/>
      </p:ext>
    </p:extLst>
  </p:cSld>
  <p:clrMapOvr>
    <a:masterClrMapping/>
  </p:clrMapOvr>
  <p:hf hdr="0" ftr="0" dt="0"/>
</p:sldLayout>
</file>

<file path=ppt/slideMasters/_rels/slideMaster1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9" Type="http://schemas.openxmlformats.org/officeDocument/2006/relationships/slideLayout" Target="../slideLayouts/slideLayout39.xml"/><Relationship Id="rId21" Type="http://schemas.openxmlformats.org/officeDocument/2006/relationships/slideLayout" Target="../slideLayouts/slideLayout21.xml"/><Relationship Id="rId34" Type="http://schemas.openxmlformats.org/officeDocument/2006/relationships/slideLayout" Target="../slideLayouts/slideLayout34.xml"/><Relationship Id="rId42" Type="http://schemas.openxmlformats.org/officeDocument/2006/relationships/slideLayout" Target="../slideLayouts/slideLayout42.xml"/><Relationship Id="rId47" Type="http://schemas.openxmlformats.org/officeDocument/2006/relationships/slideLayout" Target="../slideLayouts/slideLayout47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9" Type="http://schemas.openxmlformats.org/officeDocument/2006/relationships/slideLayout" Target="../slideLayouts/slideLayout29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32" Type="http://schemas.openxmlformats.org/officeDocument/2006/relationships/slideLayout" Target="../slideLayouts/slideLayout32.xml"/><Relationship Id="rId37" Type="http://schemas.openxmlformats.org/officeDocument/2006/relationships/slideLayout" Target="../slideLayouts/slideLayout37.xml"/><Relationship Id="rId40" Type="http://schemas.openxmlformats.org/officeDocument/2006/relationships/slideLayout" Target="../slideLayouts/slideLayout40.xml"/><Relationship Id="rId45" Type="http://schemas.openxmlformats.org/officeDocument/2006/relationships/slideLayout" Target="../slideLayouts/slideLayout45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36" Type="http://schemas.openxmlformats.org/officeDocument/2006/relationships/slideLayout" Target="../slideLayouts/slideLayout36.xml"/><Relationship Id="rId49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slideLayout" Target="../slideLayouts/slideLayout31.xml"/><Relationship Id="rId44" Type="http://schemas.openxmlformats.org/officeDocument/2006/relationships/slideLayout" Target="../slideLayouts/slideLayout44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slideLayout" Target="../slideLayouts/slideLayout30.xml"/><Relationship Id="rId35" Type="http://schemas.openxmlformats.org/officeDocument/2006/relationships/slideLayout" Target="../slideLayouts/slideLayout35.xml"/><Relationship Id="rId43" Type="http://schemas.openxmlformats.org/officeDocument/2006/relationships/slideLayout" Target="../slideLayouts/slideLayout43.xml"/><Relationship Id="rId48" Type="http://schemas.openxmlformats.org/officeDocument/2006/relationships/slideLayout" Target="../slideLayouts/slideLayout48.xml"/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33" Type="http://schemas.openxmlformats.org/officeDocument/2006/relationships/slideLayout" Target="../slideLayouts/slideLayout33.xml"/><Relationship Id="rId38" Type="http://schemas.openxmlformats.org/officeDocument/2006/relationships/slideLayout" Target="../slideLayouts/slideLayout38.xml"/><Relationship Id="rId46" Type="http://schemas.openxmlformats.org/officeDocument/2006/relationships/slideLayout" Target="../slideLayouts/slideLayout46.xml"/><Relationship Id="rId20" Type="http://schemas.openxmlformats.org/officeDocument/2006/relationships/slideLayout" Target="../slideLayouts/slideLayout20.xml"/><Relationship Id="rId41" Type="http://schemas.openxmlformats.org/officeDocument/2006/relationships/slideLayout" Target="../slideLayouts/slideLayout41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platzhalter 1">
            <a:extLst>
              <a:ext uri="{FF2B5EF4-FFF2-40B4-BE49-F238E27FC236}">
                <a16:creationId xmlns:a16="http://schemas.microsoft.com/office/drawing/2014/main" id="{C48D67AB-A9A1-4454-AF1B-896773BF5BF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31837" y="728663"/>
            <a:ext cx="10728325" cy="962025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/>
          <a:p>
            <a:r>
              <a:rPr lang="de-DE" dirty="0"/>
              <a:t>Mastertitelformat bearbeiten</a:t>
            </a:r>
          </a:p>
        </p:txBody>
      </p:sp>
      <p:sp>
        <p:nvSpPr>
          <p:cNvPr id="3" name="Textplatzhalter 2">
            <a:extLst>
              <a:ext uri="{FF2B5EF4-FFF2-40B4-BE49-F238E27FC236}">
                <a16:creationId xmlns:a16="http://schemas.microsoft.com/office/drawing/2014/main" id="{BEC614AE-89A6-4BF2-8D9B-C9FCB6EAAF0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731837" y="1825625"/>
            <a:ext cx="10728325" cy="430371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de-DE" dirty="0"/>
              <a:t>Mastertextformat bearbeiten</a:t>
            </a:r>
          </a:p>
          <a:p>
            <a:pPr lvl="1"/>
            <a:r>
              <a:rPr lang="de-DE" dirty="0"/>
              <a:t>Zweite Ebene</a:t>
            </a:r>
          </a:p>
          <a:p>
            <a:pPr lvl="2"/>
            <a:r>
              <a:rPr lang="de-DE" dirty="0"/>
              <a:t>Dritte Ebene</a:t>
            </a:r>
          </a:p>
          <a:p>
            <a:pPr lvl="3"/>
            <a:r>
              <a:rPr lang="de-DE" dirty="0"/>
              <a:t>Vierte Ebene</a:t>
            </a:r>
          </a:p>
          <a:p>
            <a:pPr lvl="4"/>
            <a:r>
              <a:rPr lang="de-DE" dirty="0"/>
              <a:t>Fünfte Ebene</a:t>
            </a:r>
          </a:p>
        </p:txBody>
      </p:sp>
    </p:spTree>
    <p:extLst>
      <p:ext uri="{BB962C8B-B14F-4D97-AF65-F5344CB8AC3E}">
        <p14:creationId xmlns:p14="http://schemas.microsoft.com/office/powerpoint/2010/main" val="12957453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92" r:id="rId1"/>
    <p:sldLayoutId id="2147483893" r:id="rId2"/>
    <p:sldLayoutId id="2147483894" r:id="rId3"/>
    <p:sldLayoutId id="2147483895" r:id="rId4"/>
    <p:sldLayoutId id="2147483896" r:id="rId5"/>
    <p:sldLayoutId id="2147483897" r:id="rId6"/>
    <p:sldLayoutId id="2147483898" r:id="rId7"/>
    <p:sldLayoutId id="2147483899" r:id="rId8"/>
    <p:sldLayoutId id="2147483900" r:id="rId9"/>
    <p:sldLayoutId id="2147483901" r:id="rId10"/>
    <p:sldLayoutId id="2147483902" r:id="rId11"/>
    <p:sldLayoutId id="2147483903" r:id="rId12"/>
    <p:sldLayoutId id="2147483904" r:id="rId13"/>
    <p:sldLayoutId id="2147483905" r:id="rId14"/>
    <p:sldLayoutId id="2147483906" r:id="rId15"/>
    <p:sldLayoutId id="2147483907" r:id="rId16"/>
    <p:sldLayoutId id="2147483908" r:id="rId17"/>
    <p:sldLayoutId id="2147483909" r:id="rId18"/>
    <p:sldLayoutId id="2147483910" r:id="rId19"/>
    <p:sldLayoutId id="2147483911" r:id="rId20"/>
    <p:sldLayoutId id="2147483912" r:id="rId21"/>
    <p:sldLayoutId id="2147483913" r:id="rId22"/>
    <p:sldLayoutId id="2147483914" r:id="rId23"/>
    <p:sldLayoutId id="2147483915" r:id="rId24"/>
    <p:sldLayoutId id="2147483916" r:id="rId25"/>
    <p:sldLayoutId id="2147483917" r:id="rId26"/>
    <p:sldLayoutId id="2147483918" r:id="rId27"/>
    <p:sldLayoutId id="2147483919" r:id="rId28"/>
    <p:sldLayoutId id="2147483920" r:id="rId29"/>
    <p:sldLayoutId id="2147483921" r:id="rId30"/>
    <p:sldLayoutId id="2147483922" r:id="rId31"/>
    <p:sldLayoutId id="2147483923" r:id="rId32"/>
    <p:sldLayoutId id="2147483924" r:id="rId33"/>
    <p:sldLayoutId id="2147483925" r:id="rId34"/>
    <p:sldLayoutId id="2147483926" r:id="rId35"/>
    <p:sldLayoutId id="2147483927" r:id="rId36"/>
    <p:sldLayoutId id="2147483928" r:id="rId37"/>
    <p:sldLayoutId id="2147483929" r:id="rId38"/>
    <p:sldLayoutId id="2147483930" r:id="rId39"/>
    <p:sldLayoutId id="2147483931" r:id="rId40"/>
    <p:sldLayoutId id="2147483932" r:id="rId41"/>
    <p:sldLayoutId id="2147483933" r:id="rId42"/>
    <p:sldLayoutId id="2147483934" r:id="rId43"/>
    <p:sldLayoutId id="2147483935" r:id="rId44"/>
    <p:sldLayoutId id="2147483936" r:id="rId45"/>
    <p:sldLayoutId id="2147483937" r:id="rId46"/>
    <p:sldLayoutId id="2147483938" r:id="rId47"/>
    <p:sldLayoutId id="2147483939" r:id="rId48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2800" b="1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100000"/>
        </a:lnSpc>
        <a:spcBef>
          <a:spcPts val="1000"/>
        </a:spcBef>
        <a:buClr>
          <a:schemeClr val="accent1"/>
        </a:buClr>
        <a:buSzPct val="80000"/>
        <a:buFont typeface="Wingdings" panose="05000000000000000000" pitchFamily="2" charset="2"/>
        <a:buChar char="§"/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Clr>
          <a:schemeClr val="accent1"/>
        </a:buClr>
        <a:buSzPct val="80000"/>
        <a:buFont typeface="Wingdings" panose="05000000000000000000" pitchFamily="2" charset="2"/>
        <a:buChar char="§"/>
        <a:defRPr sz="16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Clr>
          <a:schemeClr val="accent1"/>
        </a:buClr>
        <a:buSzPct val="80000"/>
        <a:buFont typeface="Wingdings" panose="05000000000000000000" pitchFamily="2" charset="2"/>
        <a:buChar char="§"/>
        <a:defRPr sz="16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Clr>
          <a:schemeClr val="accent1"/>
        </a:buClr>
        <a:buSzPct val="80000"/>
        <a:buFont typeface="Wingdings" panose="05000000000000000000" pitchFamily="2" charset="2"/>
        <a:buChar char="§"/>
        <a:defRPr sz="14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Clr>
          <a:schemeClr val="accent1"/>
        </a:buClr>
        <a:buSzPct val="80000"/>
        <a:buFont typeface="Wingdings" panose="05000000000000000000" pitchFamily="2" charset="2"/>
        <a:buChar char="§"/>
        <a:defRPr sz="14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de-DE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3" orient="horz" pos="459">
          <p15:clr>
            <a:srgbClr val="F26B43"/>
          </p15:clr>
        </p15:guide>
        <p15:guide id="14" orient="horz" pos="3861">
          <p15:clr>
            <a:srgbClr val="F26B43"/>
          </p15:clr>
        </p15:guide>
        <p15:guide id="15" pos="461">
          <p15:clr>
            <a:srgbClr val="F26B43"/>
          </p15:clr>
        </p15:guide>
        <p15:guide id="16" pos="7219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2" Type="http://schemas.openxmlformats.org/officeDocument/2006/relationships/image" Target="../media/image29.png"/><Relationship Id="rId1" Type="http://schemas.openxmlformats.org/officeDocument/2006/relationships/slideLayout" Target="../slideLayouts/slideLayout4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Layout" Target="../slideLayouts/slideLayout42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5.png"/><Relationship Id="rId1" Type="http://schemas.openxmlformats.org/officeDocument/2006/relationships/slideLayout" Target="../slideLayouts/slideLayout4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2" Type="http://schemas.openxmlformats.org/officeDocument/2006/relationships/diagramData" Target="../diagrams/data1.xml"/><Relationship Id="rId1" Type="http://schemas.openxmlformats.org/officeDocument/2006/relationships/slideLayout" Target="../slideLayouts/slideLayout42.xml"/><Relationship Id="rId6" Type="http://schemas.microsoft.com/office/2007/relationships/diagramDrawing" Target="../diagrams/drawing1.xml"/><Relationship Id="rId5" Type="http://schemas.openxmlformats.org/officeDocument/2006/relationships/diagramColors" Target="../diagrams/colors1.xml"/><Relationship Id="rId4" Type="http://schemas.openxmlformats.org/officeDocument/2006/relationships/diagramQuickStyle" Target="../diagrams/quickStyle1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2.xml"/><Relationship Id="rId2" Type="http://schemas.openxmlformats.org/officeDocument/2006/relationships/diagramData" Target="../diagrams/data2.xml"/><Relationship Id="rId1" Type="http://schemas.openxmlformats.org/officeDocument/2006/relationships/slideLayout" Target="../slideLayouts/slideLayout42.xml"/><Relationship Id="rId6" Type="http://schemas.microsoft.com/office/2007/relationships/diagramDrawing" Target="../diagrams/drawing2.xml"/><Relationship Id="rId5" Type="http://schemas.openxmlformats.org/officeDocument/2006/relationships/diagramColors" Target="../diagrams/colors2.xml"/><Relationship Id="rId4" Type="http://schemas.openxmlformats.org/officeDocument/2006/relationships/diagramQuickStyle" Target="../diagrams/quickStyle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3.xml"/><Relationship Id="rId7" Type="http://schemas.openxmlformats.org/officeDocument/2006/relationships/image" Target="../media/image26.png"/><Relationship Id="rId2" Type="http://schemas.openxmlformats.org/officeDocument/2006/relationships/diagramData" Target="../diagrams/data3.xml"/><Relationship Id="rId1" Type="http://schemas.openxmlformats.org/officeDocument/2006/relationships/slideLayout" Target="../slideLayouts/slideLayout42.xml"/><Relationship Id="rId6" Type="http://schemas.microsoft.com/office/2007/relationships/diagramDrawing" Target="../diagrams/drawing3.xml"/><Relationship Id="rId5" Type="http://schemas.openxmlformats.org/officeDocument/2006/relationships/diagramColors" Target="../diagrams/colors3.xml"/><Relationship Id="rId4" Type="http://schemas.openxmlformats.org/officeDocument/2006/relationships/diagramQuickStyle" Target="../diagrams/quickStyle3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4.xml"/><Relationship Id="rId7" Type="http://schemas.openxmlformats.org/officeDocument/2006/relationships/image" Target="../media/image26.png"/><Relationship Id="rId2" Type="http://schemas.openxmlformats.org/officeDocument/2006/relationships/diagramData" Target="../diagrams/data4.xml"/><Relationship Id="rId1" Type="http://schemas.openxmlformats.org/officeDocument/2006/relationships/slideLayout" Target="../slideLayouts/slideLayout42.xml"/><Relationship Id="rId6" Type="http://schemas.microsoft.com/office/2007/relationships/diagramDrawing" Target="../diagrams/drawing4.xml"/><Relationship Id="rId5" Type="http://schemas.openxmlformats.org/officeDocument/2006/relationships/diagramColors" Target="../diagrams/colors4.xml"/><Relationship Id="rId4" Type="http://schemas.openxmlformats.org/officeDocument/2006/relationships/diagramQuickStyle" Target="../diagrams/quickStyle4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7.png"/><Relationship Id="rId3" Type="http://schemas.openxmlformats.org/officeDocument/2006/relationships/diagramLayout" Target="../diagrams/layout5.xml"/><Relationship Id="rId7" Type="http://schemas.openxmlformats.org/officeDocument/2006/relationships/image" Target="../media/image26.png"/><Relationship Id="rId2" Type="http://schemas.openxmlformats.org/officeDocument/2006/relationships/diagramData" Target="../diagrams/data5.xml"/><Relationship Id="rId1" Type="http://schemas.openxmlformats.org/officeDocument/2006/relationships/slideLayout" Target="../slideLayouts/slideLayout42.xml"/><Relationship Id="rId6" Type="http://schemas.microsoft.com/office/2007/relationships/diagramDrawing" Target="../diagrams/drawing5.xml"/><Relationship Id="rId5" Type="http://schemas.openxmlformats.org/officeDocument/2006/relationships/diagramColors" Target="../diagrams/colors5.xml"/><Relationship Id="rId4" Type="http://schemas.openxmlformats.org/officeDocument/2006/relationships/diagramQuickStyle" Target="../diagrams/quickStyle5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8.png"/><Relationship Id="rId1" Type="http://schemas.openxmlformats.org/officeDocument/2006/relationships/slideLayout" Target="../slideLayouts/slideLayout4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" name="Textplatzhalter 35">
            <a:extLst>
              <a:ext uri="{FF2B5EF4-FFF2-40B4-BE49-F238E27FC236}">
                <a16:creationId xmlns:a16="http://schemas.microsoft.com/office/drawing/2014/main" id="{A6916605-ACBA-405B-8BF0-C780CDBFDA1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pPr>
              <a:lnSpc>
                <a:spcPct val="100000"/>
              </a:lnSpc>
            </a:pPr>
            <a:r>
              <a:rPr lang="de-DE" sz="2000" dirty="0">
                <a:solidFill>
                  <a:schemeClr val="accent1"/>
                </a:solidFill>
              </a:rPr>
              <a:t>Paulina Merkel &amp; Paolo Pappe</a:t>
            </a:r>
          </a:p>
          <a:p>
            <a:pPr>
              <a:lnSpc>
                <a:spcPct val="100000"/>
              </a:lnSpc>
            </a:pPr>
            <a:r>
              <a:rPr lang="de-DE" dirty="0"/>
              <a:t>07</a:t>
            </a:r>
            <a:r>
              <a:rPr lang="de-DE" sz="2000" dirty="0"/>
              <a:t>.01.2025</a:t>
            </a:r>
          </a:p>
        </p:txBody>
      </p:sp>
      <p:sp>
        <p:nvSpPr>
          <p:cNvPr id="2" name="Titel 1">
            <a:extLst>
              <a:ext uri="{FF2B5EF4-FFF2-40B4-BE49-F238E27FC236}">
                <a16:creationId xmlns:a16="http://schemas.microsoft.com/office/drawing/2014/main" id="{E3D4637A-2CF8-49DC-B5FD-35CEB8C83BE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MDZ-Projekt</a:t>
            </a:r>
            <a:br>
              <a:rPr lang="de-DE" dirty="0"/>
            </a:br>
            <a:r>
              <a:rPr lang="de-DE" dirty="0" err="1"/>
              <a:t>Prusseit</a:t>
            </a:r>
            <a:r>
              <a:rPr lang="de-DE" dirty="0"/>
              <a:t> und </a:t>
            </a:r>
            <a:r>
              <a:rPr lang="de-DE" dirty="0" err="1"/>
              <a:t>Reiss</a:t>
            </a:r>
            <a:endParaRPr lang="de-DE" sz="40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517806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0C1276E-AED9-A99F-03E5-5B3783BFCE9B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4574EEB9-B510-BFFA-9D33-F558A12A74E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br>
              <a:rPr lang="de-DE" dirty="0"/>
            </a:br>
            <a:r>
              <a:rPr lang="de-DE" dirty="0"/>
              <a:t>Möglichkeiten und Grenzen des Suchwerkzeuges</a:t>
            </a:r>
          </a:p>
        </p:txBody>
      </p:sp>
      <p:sp>
        <p:nvSpPr>
          <p:cNvPr id="10" name="Kreis: nicht ausgefüllt 9">
            <a:extLst>
              <a:ext uri="{FF2B5EF4-FFF2-40B4-BE49-F238E27FC236}">
                <a16:creationId xmlns:a16="http://schemas.microsoft.com/office/drawing/2014/main" id="{421772A2-C54E-1F1A-9A1C-CC1736EC759A}"/>
              </a:ext>
            </a:extLst>
          </p:cNvPr>
          <p:cNvSpPr/>
          <p:nvPr/>
        </p:nvSpPr>
        <p:spPr>
          <a:xfrm>
            <a:off x="734848" y="2200486"/>
            <a:ext cx="396000" cy="396000"/>
          </a:xfrm>
          <a:prstGeom prst="donut">
            <a:avLst/>
          </a:prstGeom>
          <a:solidFill>
            <a:srgbClr val="FFC000"/>
          </a:solidFill>
          <a:ln>
            <a:solidFill>
              <a:srgbClr val="FFC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>
              <a:solidFill>
                <a:schemeClr val="tx1"/>
              </a:solidFill>
            </a:endParaRPr>
          </a:p>
        </p:txBody>
      </p:sp>
      <p:sp>
        <p:nvSpPr>
          <p:cNvPr id="11" name="Textfeld 10">
            <a:extLst>
              <a:ext uri="{FF2B5EF4-FFF2-40B4-BE49-F238E27FC236}">
                <a16:creationId xmlns:a16="http://schemas.microsoft.com/office/drawing/2014/main" id="{B571FA32-6E72-5259-7BFE-144884BF48DD}"/>
              </a:ext>
            </a:extLst>
          </p:cNvPr>
          <p:cNvSpPr txBox="1"/>
          <p:nvPr/>
        </p:nvSpPr>
        <p:spPr>
          <a:xfrm>
            <a:off x="1250295" y="2107715"/>
            <a:ext cx="4403687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dirty="0"/>
              <a:t>Der gesuchte Chunk ist nicht immer an erster Stelle</a:t>
            </a:r>
          </a:p>
          <a:p>
            <a:endParaRPr lang="de-DE" dirty="0"/>
          </a:p>
        </p:txBody>
      </p:sp>
      <p:pic>
        <p:nvPicPr>
          <p:cNvPr id="8" name="Grafik 7">
            <a:extLst>
              <a:ext uri="{FF2B5EF4-FFF2-40B4-BE49-F238E27FC236}">
                <a16:creationId xmlns:a16="http://schemas.microsoft.com/office/drawing/2014/main" id="{DADDFA88-8011-2F1C-4C74-6E5BBC09A829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878284" y="1555424"/>
            <a:ext cx="5578867" cy="3160593"/>
          </a:xfrm>
          <a:prstGeom prst="rect">
            <a:avLst/>
          </a:prstGeom>
        </p:spPr>
      </p:pic>
      <p:pic>
        <p:nvPicPr>
          <p:cNvPr id="13" name="Grafik 12">
            <a:extLst>
              <a:ext uri="{FF2B5EF4-FFF2-40B4-BE49-F238E27FC236}">
                <a16:creationId xmlns:a16="http://schemas.microsoft.com/office/drawing/2014/main" id="{CA1BE622-6024-5BFF-D22F-BBC7DB3A6264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878285" y="5021797"/>
            <a:ext cx="5578866" cy="1681408"/>
          </a:xfrm>
          <a:prstGeom prst="rect">
            <a:avLst/>
          </a:prstGeom>
        </p:spPr>
      </p:pic>
      <p:sp>
        <p:nvSpPr>
          <p:cNvPr id="9" name="Rechteck: abgerundete Ecken 8">
            <a:extLst>
              <a:ext uri="{FF2B5EF4-FFF2-40B4-BE49-F238E27FC236}">
                <a16:creationId xmlns:a16="http://schemas.microsoft.com/office/drawing/2014/main" id="{9E1B5F40-848F-6E5C-5AA3-A8487B048E08}"/>
              </a:ext>
            </a:extLst>
          </p:cNvPr>
          <p:cNvSpPr/>
          <p:nvPr/>
        </p:nvSpPr>
        <p:spPr>
          <a:xfrm>
            <a:off x="5878283" y="5021797"/>
            <a:ext cx="5578865" cy="1582056"/>
          </a:xfrm>
          <a:prstGeom prst="roundRect">
            <a:avLst/>
          </a:prstGeom>
          <a:noFill/>
          <a:ln>
            <a:solidFill>
              <a:srgbClr val="FFC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042670022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2890C850-07D0-3163-3D47-B3DE8BDE626F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BDC0208B-277D-0173-D534-029BA563ADB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br>
              <a:rPr lang="de-DE" dirty="0"/>
            </a:br>
            <a:r>
              <a:rPr lang="de-DE" dirty="0"/>
              <a:t>Möglichkeiten und Grenzen des Suchwerkzeuges</a:t>
            </a:r>
          </a:p>
        </p:txBody>
      </p:sp>
      <p:sp>
        <p:nvSpPr>
          <p:cNvPr id="11" name="Textfeld 10">
            <a:extLst>
              <a:ext uri="{FF2B5EF4-FFF2-40B4-BE49-F238E27FC236}">
                <a16:creationId xmlns:a16="http://schemas.microsoft.com/office/drawing/2014/main" id="{5E06F3A5-FAA4-B950-CC00-894523B33501}"/>
              </a:ext>
            </a:extLst>
          </p:cNvPr>
          <p:cNvSpPr txBox="1"/>
          <p:nvPr/>
        </p:nvSpPr>
        <p:spPr>
          <a:xfrm>
            <a:off x="1250295" y="2107715"/>
            <a:ext cx="4403687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dirty="0"/>
              <a:t>Zu kurze Anfragen führen oft zu fehlerhaften oder keinen Ergebnissen</a:t>
            </a:r>
          </a:p>
          <a:p>
            <a:endParaRPr lang="de-DE" dirty="0"/>
          </a:p>
        </p:txBody>
      </p:sp>
      <p:sp>
        <p:nvSpPr>
          <p:cNvPr id="2" name="Rechteck 1">
            <a:extLst>
              <a:ext uri="{FF2B5EF4-FFF2-40B4-BE49-F238E27FC236}">
                <a16:creationId xmlns:a16="http://schemas.microsoft.com/office/drawing/2014/main" id="{4E6B1AC4-CE14-9793-16C6-58B48C34C5CE}"/>
              </a:ext>
            </a:extLst>
          </p:cNvPr>
          <p:cNvSpPr/>
          <p:nvPr/>
        </p:nvSpPr>
        <p:spPr>
          <a:xfrm>
            <a:off x="731837" y="2263053"/>
            <a:ext cx="396000" cy="144000"/>
          </a:xfrm>
          <a:prstGeom prst="rect">
            <a:avLst/>
          </a:prstGeom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7287CC1E-61A9-AE20-19B7-FCA3A2F69957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096000" y="1555423"/>
            <a:ext cx="5243799" cy="5092119"/>
          </a:xfrm>
          <a:prstGeom prst="rect">
            <a:avLst/>
          </a:prstGeom>
        </p:spPr>
      </p:pic>
      <p:sp>
        <p:nvSpPr>
          <p:cNvPr id="9" name="Rechteck: abgerundete Ecken 8">
            <a:extLst>
              <a:ext uri="{FF2B5EF4-FFF2-40B4-BE49-F238E27FC236}">
                <a16:creationId xmlns:a16="http://schemas.microsoft.com/office/drawing/2014/main" id="{5472E5B0-515B-7B6B-785B-B5B65A308C5A}"/>
              </a:ext>
            </a:extLst>
          </p:cNvPr>
          <p:cNvSpPr/>
          <p:nvPr/>
        </p:nvSpPr>
        <p:spPr>
          <a:xfrm>
            <a:off x="6096000" y="4101482"/>
            <a:ext cx="5578865" cy="2546060"/>
          </a:xfrm>
          <a:prstGeom prst="roundRect">
            <a:avLst/>
          </a:prstGeom>
          <a:noFill/>
          <a:ln>
            <a:solidFill>
              <a:schemeClr val="accent1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727842570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55DF2B00-6547-036F-B876-E6DEB7E1AB97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19D4D7FF-8F42-2F0B-0E94-2BAA377C1F0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nd Reis</a:t>
            </a:r>
            <a:br>
              <a:rPr lang="de-DE" dirty="0"/>
            </a:br>
            <a:r>
              <a:rPr lang="de-DE" dirty="0"/>
              <a:t>Präsentation des Suchwerkzeuges</a:t>
            </a:r>
          </a:p>
        </p:txBody>
      </p:sp>
    </p:spTree>
    <p:extLst>
      <p:ext uri="{BB962C8B-B14F-4D97-AF65-F5344CB8AC3E}">
        <p14:creationId xmlns:p14="http://schemas.microsoft.com/office/powerpoint/2010/main" val="346964292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platzhalter 1">
            <a:extLst>
              <a:ext uri="{FF2B5EF4-FFF2-40B4-BE49-F238E27FC236}">
                <a16:creationId xmlns:a16="http://schemas.microsoft.com/office/drawing/2014/main" id="{EC43AB3E-61F6-F648-56A7-0C1C42A7725D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/>
        <p:txBody>
          <a:bodyPr>
            <a:normAutofit/>
          </a:bodyPr>
          <a:lstStyle/>
          <a:p>
            <a:r>
              <a:rPr lang="de-DE" dirty="0"/>
              <a:t>Erhaltene Ausschreibungen = 3</a:t>
            </a:r>
          </a:p>
          <a:p>
            <a:r>
              <a:rPr lang="de-DE" dirty="0"/>
              <a:t>Bauprojekt 1 </a:t>
            </a:r>
            <a:r>
              <a:rPr lang="de-DE" dirty="0">
                <a:sym typeface="Wingdings" panose="05000000000000000000" pitchFamily="2" charset="2"/>
              </a:rPr>
              <a:t> Hallenanbau mit Mezzanine</a:t>
            </a:r>
            <a:br>
              <a:rPr lang="de-DE" dirty="0">
                <a:sym typeface="Wingdings" panose="05000000000000000000" pitchFamily="2" charset="2"/>
              </a:rPr>
            </a:br>
            <a:r>
              <a:rPr lang="de-DE" dirty="0">
                <a:sym typeface="Wingdings" panose="05000000000000000000" pitchFamily="2" charset="2"/>
              </a:rPr>
              <a:t>Bauprojekt 2  Neubau Lagerhallte mit Büroeinbau</a:t>
            </a:r>
            <a:br>
              <a:rPr lang="de-DE" dirty="0">
                <a:sym typeface="Wingdings" panose="05000000000000000000" pitchFamily="2" charset="2"/>
              </a:rPr>
            </a:br>
            <a:r>
              <a:rPr lang="de-DE" dirty="0">
                <a:sym typeface="Wingdings" panose="05000000000000000000" pitchFamily="2" charset="2"/>
              </a:rPr>
              <a:t>Bauprojekt 3  Neubau Vertriebsniederlassung</a:t>
            </a:r>
          </a:p>
          <a:p>
            <a:r>
              <a:rPr lang="de-DE" dirty="0">
                <a:sym typeface="Wingdings" panose="05000000000000000000" pitchFamily="2" charset="2"/>
              </a:rPr>
              <a:t>Ausschreibungen im PDF-Format</a:t>
            </a:r>
          </a:p>
          <a:p>
            <a:r>
              <a:rPr lang="de-DE" dirty="0">
                <a:sym typeface="Wingdings" panose="05000000000000000000" pitchFamily="2" charset="2"/>
              </a:rPr>
              <a:t>Aufbau der Ausschreibungen</a:t>
            </a:r>
          </a:p>
          <a:p>
            <a:pPr lvl="1"/>
            <a:r>
              <a:rPr lang="de-DE" dirty="0">
                <a:sym typeface="Wingdings" panose="05000000000000000000" pitchFamily="2" charset="2"/>
              </a:rPr>
              <a:t>Titelseite (Bauvorhaben, Bauherr, Ausführungszeit, Abgabetermin etc.)</a:t>
            </a:r>
          </a:p>
          <a:p>
            <a:pPr lvl="1"/>
            <a:r>
              <a:rPr lang="de-DE" dirty="0">
                <a:sym typeface="Wingdings" panose="05000000000000000000" pitchFamily="2" charset="2"/>
              </a:rPr>
              <a:t>Inhaltsverzeichnis (Überschriften Ebene 1 und 2)</a:t>
            </a:r>
          </a:p>
          <a:p>
            <a:pPr lvl="1"/>
            <a:r>
              <a:rPr lang="de-DE" dirty="0">
                <a:sym typeface="Wingdings" panose="05000000000000000000" pitchFamily="2" charset="2"/>
              </a:rPr>
              <a:t>Zusätzliche Vorbemerkungen (ca. 30 Stück)</a:t>
            </a:r>
          </a:p>
          <a:p>
            <a:pPr lvl="1"/>
            <a:r>
              <a:rPr lang="de-DE" dirty="0">
                <a:sym typeface="Wingdings" panose="05000000000000000000" pitchFamily="2" charset="2"/>
              </a:rPr>
              <a:t>Baubeschreibung (Lage des Gebäudes, Bauherr, Art des Gebäudes etc.)</a:t>
            </a:r>
          </a:p>
          <a:p>
            <a:pPr lvl="1"/>
            <a:r>
              <a:rPr lang="de-DE" dirty="0"/>
              <a:t>Ausschreibungstext ( Überschriften Ebene 1, 2 und 3 mit Inhalt)</a:t>
            </a:r>
          </a:p>
          <a:p>
            <a:r>
              <a:rPr lang="de-DE" dirty="0"/>
              <a:t>Anzahl an Seiten pro Dokument </a:t>
            </a:r>
            <a:r>
              <a:rPr lang="de-DE" dirty="0">
                <a:sym typeface="Wingdings" panose="05000000000000000000" pitchFamily="2" charset="2"/>
              </a:rPr>
              <a:t> </a:t>
            </a:r>
            <a:r>
              <a:rPr lang="de-DE" dirty="0"/>
              <a:t>ca. 130</a:t>
            </a:r>
          </a:p>
        </p:txBody>
      </p:sp>
      <p:sp>
        <p:nvSpPr>
          <p:cNvPr id="3" name="Titel 2">
            <a:extLst>
              <a:ext uri="{FF2B5EF4-FFF2-40B4-BE49-F238E27FC236}">
                <a16:creationId xmlns:a16="http://schemas.microsoft.com/office/drawing/2014/main" id="{DAC442C5-C6C0-5B36-E387-7D06E5D5398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br>
              <a:rPr lang="de-DE" dirty="0"/>
            </a:br>
            <a:r>
              <a:rPr lang="de-DE" dirty="0"/>
              <a:t>Vorstellung der Ausschreibungen</a:t>
            </a:r>
          </a:p>
        </p:txBody>
      </p:sp>
      <p:pic>
        <p:nvPicPr>
          <p:cNvPr id="1026" name="Picture 2" descr="Adobe Acrobat Reader für PDF im App Store">
            <a:extLst>
              <a:ext uri="{FF2B5EF4-FFF2-40B4-BE49-F238E27FC236}">
                <a16:creationId xmlns:a16="http://schemas.microsoft.com/office/drawing/2014/main" id="{E940D285-D632-C861-85EF-F61F2FAF3208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956" t="13436" r="32386" b="14729"/>
          <a:stretch/>
        </p:blipFill>
        <p:spPr bwMode="auto">
          <a:xfrm>
            <a:off x="8289235" y="1679713"/>
            <a:ext cx="1371600" cy="138153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" name="Picture 2" descr="Adobe Acrobat Reader für PDF im App Store">
            <a:extLst>
              <a:ext uri="{FF2B5EF4-FFF2-40B4-BE49-F238E27FC236}">
                <a16:creationId xmlns:a16="http://schemas.microsoft.com/office/drawing/2014/main" id="{927DD4AD-28C0-B5E9-7317-A6C484CBBC68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956" t="13436" r="32386" b="14729"/>
          <a:stretch/>
        </p:blipFill>
        <p:spPr bwMode="auto">
          <a:xfrm>
            <a:off x="8441635" y="1832113"/>
            <a:ext cx="1371600" cy="138153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Picture 2" descr="Adobe Acrobat Reader für PDF im App Store">
            <a:extLst>
              <a:ext uri="{FF2B5EF4-FFF2-40B4-BE49-F238E27FC236}">
                <a16:creationId xmlns:a16="http://schemas.microsoft.com/office/drawing/2014/main" id="{BAAA82B2-B0AD-4108-98B0-D80482739C20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1956" t="13436" r="32386" b="14729"/>
          <a:stretch/>
        </p:blipFill>
        <p:spPr bwMode="auto">
          <a:xfrm>
            <a:off x="8594035" y="1984513"/>
            <a:ext cx="1371600" cy="138153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7767637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963B33B8-B3E4-8540-303B-BC57F4CD47B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1F5122A6-AF1B-979C-9EF8-DE28CD44041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br>
              <a:rPr lang="de-DE" dirty="0"/>
            </a:br>
            <a:r>
              <a:rPr lang="de-DE" dirty="0"/>
              <a:t>Lösungsansatz</a:t>
            </a:r>
          </a:p>
        </p:txBody>
      </p:sp>
      <p:graphicFrame>
        <p:nvGraphicFramePr>
          <p:cNvPr id="6" name="Diagramm 5">
            <a:extLst>
              <a:ext uri="{FF2B5EF4-FFF2-40B4-BE49-F238E27FC236}">
                <a16:creationId xmlns:a16="http://schemas.microsoft.com/office/drawing/2014/main" id="{5F8360A2-7199-44A5-E407-C82468BEBC23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2056956940"/>
              </p:ext>
            </p:extLst>
          </p:nvPr>
        </p:nvGraphicFramePr>
        <p:xfrm>
          <a:off x="1441726" y="361858"/>
          <a:ext cx="9308548" cy="4130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2134047014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7965CF48-CE08-8AB8-393D-34BF3FBFBB5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C579ADED-9770-6067-9E7F-77326024494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r>
              <a:rPr lang="de-DE" dirty="0"/>
              <a:t> </a:t>
            </a:r>
            <a:br>
              <a:rPr lang="de-DE" dirty="0"/>
            </a:br>
            <a:r>
              <a:rPr lang="de-DE" dirty="0"/>
              <a:t>Lösungsansatz</a:t>
            </a:r>
          </a:p>
        </p:txBody>
      </p:sp>
      <p:graphicFrame>
        <p:nvGraphicFramePr>
          <p:cNvPr id="6" name="Diagramm 5">
            <a:extLst>
              <a:ext uri="{FF2B5EF4-FFF2-40B4-BE49-F238E27FC236}">
                <a16:creationId xmlns:a16="http://schemas.microsoft.com/office/drawing/2014/main" id="{9E4EB0B0-C4C4-7CEE-C635-4246BC0F2D4A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005997131"/>
              </p:ext>
            </p:extLst>
          </p:nvPr>
        </p:nvGraphicFramePr>
        <p:xfrm>
          <a:off x="1441726" y="361858"/>
          <a:ext cx="9308548" cy="4130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2" name="Textfeld 1">
            <a:extLst>
              <a:ext uri="{FF2B5EF4-FFF2-40B4-BE49-F238E27FC236}">
                <a16:creationId xmlns:a16="http://schemas.microsoft.com/office/drawing/2014/main" id="{D3B3A2E1-E853-9923-269B-BFA8010F3F53}"/>
              </a:ext>
            </a:extLst>
          </p:cNvPr>
          <p:cNvSpPr txBox="1"/>
          <p:nvPr/>
        </p:nvSpPr>
        <p:spPr>
          <a:xfrm>
            <a:off x="1441726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PDFs werden in Textbausteine (Chunks) unterteilt – orientiert am Aufbau der Dokumente</a:t>
            </a:r>
          </a:p>
        </p:txBody>
      </p:sp>
      <p:sp>
        <p:nvSpPr>
          <p:cNvPr id="4" name="Textfeld 3">
            <a:extLst>
              <a:ext uri="{FF2B5EF4-FFF2-40B4-BE49-F238E27FC236}">
                <a16:creationId xmlns:a16="http://schemas.microsoft.com/office/drawing/2014/main" id="{ABE18E3D-C418-2675-BFBD-EA0CE407BF57}"/>
              </a:ext>
            </a:extLst>
          </p:cNvPr>
          <p:cNvSpPr txBox="1"/>
          <p:nvPr/>
        </p:nvSpPr>
        <p:spPr>
          <a:xfrm>
            <a:off x="3731039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Extraktion von Metadaten aus den Chunks + Erstellung einer Zusammenfassung der Chunks</a:t>
            </a:r>
          </a:p>
        </p:txBody>
      </p:sp>
    </p:spTree>
    <p:extLst>
      <p:ext uri="{BB962C8B-B14F-4D97-AF65-F5344CB8AC3E}">
        <p14:creationId xmlns:p14="http://schemas.microsoft.com/office/powerpoint/2010/main" val="992520410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66993B2D-D2C7-8DFF-8FAA-142C67BACF3E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20CC920C-9188-0726-3B8B-3CC9A8025B3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r>
              <a:rPr lang="de-DE" dirty="0"/>
              <a:t> </a:t>
            </a:r>
            <a:br>
              <a:rPr lang="de-DE" dirty="0"/>
            </a:br>
            <a:r>
              <a:rPr lang="de-DE" dirty="0"/>
              <a:t>Lösungsansatz</a:t>
            </a:r>
          </a:p>
        </p:txBody>
      </p:sp>
      <p:graphicFrame>
        <p:nvGraphicFramePr>
          <p:cNvPr id="6" name="Diagramm 5">
            <a:extLst>
              <a:ext uri="{FF2B5EF4-FFF2-40B4-BE49-F238E27FC236}">
                <a16:creationId xmlns:a16="http://schemas.microsoft.com/office/drawing/2014/main" id="{AD0C4A71-8F69-48F2-B487-81B82D8441D4}"/>
              </a:ext>
            </a:extLst>
          </p:cNvPr>
          <p:cNvGraphicFramePr/>
          <p:nvPr/>
        </p:nvGraphicFramePr>
        <p:xfrm>
          <a:off x="1441726" y="361858"/>
          <a:ext cx="9308548" cy="4130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2" name="Textfeld 1">
            <a:extLst>
              <a:ext uri="{FF2B5EF4-FFF2-40B4-BE49-F238E27FC236}">
                <a16:creationId xmlns:a16="http://schemas.microsoft.com/office/drawing/2014/main" id="{E49A3103-E198-05B4-5F48-06D4D5CE886E}"/>
              </a:ext>
            </a:extLst>
          </p:cNvPr>
          <p:cNvSpPr txBox="1"/>
          <p:nvPr/>
        </p:nvSpPr>
        <p:spPr>
          <a:xfrm>
            <a:off x="1441726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PDFs werden in Textbausteine (Chunks) unterteilt – orientiert am Aufbau der Dokumente</a:t>
            </a:r>
          </a:p>
        </p:txBody>
      </p:sp>
      <p:sp>
        <p:nvSpPr>
          <p:cNvPr id="4" name="Textfeld 3">
            <a:extLst>
              <a:ext uri="{FF2B5EF4-FFF2-40B4-BE49-F238E27FC236}">
                <a16:creationId xmlns:a16="http://schemas.microsoft.com/office/drawing/2014/main" id="{2845A7E9-AD55-4D22-9B6C-30ECC1CDD9EF}"/>
              </a:ext>
            </a:extLst>
          </p:cNvPr>
          <p:cNvSpPr txBox="1"/>
          <p:nvPr/>
        </p:nvSpPr>
        <p:spPr>
          <a:xfrm>
            <a:off x="3731039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Extraktion von Metadaten aus den Chunks + Erstellung einer Zusammenfassung der Chunks</a:t>
            </a: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66542F63-E685-3F48-AD51-6B2BE30CC5F2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756902" y="1520587"/>
            <a:ext cx="8678196" cy="522306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36852425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F42B7C13-D453-7D68-A8B4-D3E28AB01342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E777FD3C-4053-BFE4-55A2-34C471D5B11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r>
              <a:rPr lang="de-DE" dirty="0"/>
              <a:t> </a:t>
            </a:r>
            <a:br>
              <a:rPr lang="de-DE" dirty="0"/>
            </a:br>
            <a:r>
              <a:rPr lang="de-DE" dirty="0"/>
              <a:t>Lösungsansatz</a:t>
            </a:r>
          </a:p>
        </p:txBody>
      </p:sp>
      <p:graphicFrame>
        <p:nvGraphicFramePr>
          <p:cNvPr id="6" name="Diagramm 5">
            <a:extLst>
              <a:ext uri="{FF2B5EF4-FFF2-40B4-BE49-F238E27FC236}">
                <a16:creationId xmlns:a16="http://schemas.microsoft.com/office/drawing/2014/main" id="{7E3902BC-F96F-9B7F-31AA-76D3EBBB2A74}"/>
              </a:ext>
            </a:extLst>
          </p:cNvPr>
          <p:cNvGraphicFramePr/>
          <p:nvPr/>
        </p:nvGraphicFramePr>
        <p:xfrm>
          <a:off x="1441726" y="361858"/>
          <a:ext cx="9308548" cy="4130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2" name="Textfeld 1">
            <a:extLst>
              <a:ext uri="{FF2B5EF4-FFF2-40B4-BE49-F238E27FC236}">
                <a16:creationId xmlns:a16="http://schemas.microsoft.com/office/drawing/2014/main" id="{5294359F-09A2-DB95-5B84-C25F7FBC8B82}"/>
              </a:ext>
            </a:extLst>
          </p:cNvPr>
          <p:cNvSpPr txBox="1"/>
          <p:nvPr/>
        </p:nvSpPr>
        <p:spPr>
          <a:xfrm>
            <a:off x="1441726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PDFs werden in Textbausteine (Chunks) unterteilt – orientiert am Aufbau der Dokumente</a:t>
            </a:r>
          </a:p>
        </p:txBody>
      </p:sp>
      <p:sp>
        <p:nvSpPr>
          <p:cNvPr id="4" name="Textfeld 3">
            <a:extLst>
              <a:ext uri="{FF2B5EF4-FFF2-40B4-BE49-F238E27FC236}">
                <a16:creationId xmlns:a16="http://schemas.microsoft.com/office/drawing/2014/main" id="{DDF2253E-FD0D-88D6-320B-861820570566}"/>
              </a:ext>
            </a:extLst>
          </p:cNvPr>
          <p:cNvSpPr txBox="1"/>
          <p:nvPr/>
        </p:nvSpPr>
        <p:spPr>
          <a:xfrm>
            <a:off x="3731039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Extraktion von Metadaten aus den Chunks + Erstellung einer Zusammenfassung der Chunks</a:t>
            </a: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299F0DEB-2C24-D697-2568-9C06366E0FB5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731039" y="4270186"/>
            <a:ext cx="1989855" cy="1197615"/>
          </a:xfrm>
          <a:prstGeom prst="rect">
            <a:avLst/>
          </a:prstGeom>
        </p:spPr>
      </p:pic>
      <p:sp>
        <p:nvSpPr>
          <p:cNvPr id="5" name="Textfeld 4">
            <a:extLst>
              <a:ext uri="{FF2B5EF4-FFF2-40B4-BE49-F238E27FC236}">
                <a16:creationId xmlns:a16="http://schemas.microsoft.com/office/drawing/2014/main" id="{369D24AC-1BF6-5F09-DFAA-3BA767EB9C94}"/>
              </a:ext>
            </a:extLst>
          </p:cNvPr>
          <p:cNvSpPr txBox="1"/>
          <p:nvPr/>
        </p:nvSpPr>
        <p:spPr>
          <a:xfrm>
            <a:off x="6020352" y="2971800"/>
            <a:ext cx="1967946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Verknüpfung der Chunks mit einer Eingabe-möglichkeit und Übergabe an die API von OpenAI</a:t>
            </a:r>
          </a:p>
          <a:p>
            <a:r>
              <a:rPr lang="de-DE" sz="1400" dirty="0">
                <a:sym typeface="Wingdings" panose="05000000000000000000" pitchFamily="2" charset="2"/>
              </a:rPr>
              <a:t> LLM sucht in den Chunks nach der semantisch passendsten „</a:t>
            </a:r>
            <a:r>
              <a:rPr lang="de-DE" sz="1400" dirty="0" err="1">
                <a:sym typeface="Wingdings" panose="05000000000000000000" pitchFamily="2" charset="2"/>
              </a:rPr>
              <a:t>summary</a:t>
            </a:r>
            <a:r>
              <a:rPr lang="de-DE" sz="1400" dirty="0">
                <a:sym typeface="Wingdings" panose="05000000000000000000" pitchFamily="2" charset="2"/>
              </a:rPr>
              <a:t>“ in Bezug auf die Anfrage</a:t>
            </a:r>
            <a:endParaRPr lang="de-DE" sz="1400" dirty="0"/>
          </a:p>
        </p:txBody>
      </p:sp>
    </p:spTree>
    <p:extLst>
      <p:ext uri="{BB962C8B-B14F-4D97-AF65-F5344CB8AC3E}">
        <p14:creationId xmlns:p14="http://schemas.microsoft.com/office/powerpoint/2010/main" val="2289137247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8F92EFC5-FBA2-6C2E-0A9D-A341F40F2523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ECBB3F72-13CE-8E06-4727-E4D2538CA92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r>
              <a:rPr lang="de-DE" dirty="0"/>
              <a:t> </a:t>
            </a:r>
            <a:br>
              <a:rPr lang="de-DE" dirty="0"/>
            </a:br>
            <a:r>
              <a:rPr lang="de-DE" dirty="0"/>
              <a:t>Lösungsansatz</a:t>
            </a:r>
          </a:p>
        </p:txBody>
      </p:sp>
      <p:graphicFrame>
        <p:nvGraphicFramePr>
          <p:cNvPr id="6" name="Diagramm 5">
            <a:extLst>
              <a:ext uri="{FF2B5EF4-FFF2-40B4-BE49-F238E27FC236}">
                <a16:creationId xmlns:a16="http://schemas.microsoft.com/office/drawing/2014/main" id="{42C3679C-8BD2-E984-A5B9-AF4AE1743F50}"/>
              </a:ext>
            </a:extLst>
          </p:cNvPr>
          <p:cNvGraphicFramePr/>
          <p:nvPr/>
        </p:nvGraphicFramePr>
        <p:xfrm>
          <a:off x="1441726" y="361858"/>
          <a:ext cx="9308548" cy="413063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2" name="Textfeld 1">
            <a:extLst>
              <a:ext uri="{FF2B5EF4-FFF2-40B4-BE49-F238E27FC236}">
                <a16:creationId xmlns:a16="http://schemas.microsoft.com/office/drawing/2014/main" id="{20736743-C51E-9F83-3CE0-3C1D08A60727}"/>
              </a:ext>
            </a:extLst>
          </p:cNvPr>
          <p:cNvSpPr txBox="1"/>
          <p:nvPr/>
        </p:nvSpPr>
        <p:spPr>
          <a:xfrm>
            <a:off x="1441726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PDFs werden in Textbausteine (Chunks) unterteilt – orientiert am Aufbau der Dokumente</a:t>
            </a:r>
          </a:p>
        </p:txBody>
      </p:sp>
      <p:sp>
        <p:nvSpPr>
          <p:cNvPr id="4" name="Textfeld 3">
            <a:extLst>
              <a:ext uri="{FF2B5EF4-FFF2-40B4-BE49-F238E27FC236}">
                <a16:creationId xmlns:a16="http://schemas.microsoft.com/office/drawing/2014/main" id="{E5649505-804B-02E2-0490-BC9C02B3D84F}"/>
              </a:ext>
            </a:extLst>
          </p:cNvPr>
          <p:cNvSpPr txBox="1"/>
          <p:nvPr/>
        </p:nvSpPr>
        <p:spPr>
          <a:xfrm>
            <a:off x="3731039" y="2971800"/>
            <a:ext cx="1967946" cy="116955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Extraktion von Metadaten aus den Chunks + Erstellung einer Zusammenfassung der Chunks</a:t>
            </a: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4859C0CA-3BF8-542F-C868-E98058EDAA40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731039" y="4270186"/>
            <a:ext cx="1989855" cy="1197615"/>
          </a:xfrm>
          <a:prstGeom prst="rect">
            <a:avLst/>
          </a:prstGeom>
        </p:spPr>
      </p:pic>
      <p:sp>
        <p:nvSpPr>
          <p:cNvPr id="5" name="Textfeld 4">
            <a:extLst>
              <a:ext uri="{FF2B5EF4-FFF2-40B4-BE49-F238E27FC236}">
                <a16:creationId xmlns:a16="http://schemas.microsoft.com/office/drawing/2014/main" id="{A1843615-D70C-6A62-EF84-926C46F7439F}"/>
              </a:ext>
            </a:extLst>
          </p:cNvPr>
          <p:cNvSpPr txBox="1"/>
          <p:nvPr/>
        </p:nvSpPr>
        <p:spPr>
          <a:xfrm>
            <a:off x="6020352" y="2971800"/>
            <a:ext cx="1967946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/>
              <a:t>Verknüpfung der Chunks mit einer Eingabe-möglichkeit und Übergabe an die API von OpenAI</a:t>
            </a:r>
          </a:p>
          <a:p>
            <a:r>
              <a:rPr lang="de-DE" sz="1400" dirty="0">
                <a:sym typeface="Wingdings" panose="05000000000000000000" pitchFamily="2" charset="2"/>
              </a:rPr>
              <a:t> LLM sucht in den Chunks nach der semantisch passendsten „</a:t>
            </a:r>
            <a:r>
              <a:rPr lang="de-DE" sz="1400" dirty="0" err="1">
                <a:sym typeface="Wingdings" panose="05000000000000000000" pitchFamily="2" charset="2"/>
              </a:rPr>
              <a:t>summary</a:t>
            </a:r>
            <a:r>
              <a:rPr lang="de-DE" sz="1400" dirty="0">
                <a:sym typeface="Wingdings" panose="05000000000000000000" pitchFamily="2" charset="2"/>
              </a:rPr>
              <a:t>“ in Bezug auf die Anfrage</a:t>
            </a:r>
            <a:endParaRPr lang="de-DE" sz="1400" dirty="0"/>
          </a:p>
        </p:txBody>
      </p:sp>
      <p:pic>
        <p:nvPicPr>
          <p:cNvPr id="9" name="Grafik 8">
            <a:extLst>
              <a:ext uri="{FF2B5EF4-FFF2-40B4-BE49-F238E27FC236}">
                <a16:creationId xmlns:a16="http://schemas.microsoft.com/office/drawing/2014/main" id="{E6FBB6BF-BD36-ACB8-74FC-39B4FF086A28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8287756" y="3040590"/>
            <a:ext cx="3532769" cy="312874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2522585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D8775232-5172-3587-FD60-0B693240728D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59E8BDAD-EA00-4DCF-BDD5-C860E3CA76B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r>
              <a:rPr lang="de-DE" dirty="0"/>
              <a:t> </a:t>
            </a:r>
            <a:br>
              <a:rPr lang="de-DE" dirty="0"/>
            </a:br>
            <a:r>
              <a:rPr lang="de-DE" dirty="0"/>
              <a:t>Möglichkeiten und Grenzen des Suchwerkzeuges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B680F1C4-CDDD-CFC8-0747-F1D730866A95}"/>
              </a:ext>
            </a:extLst>
          </p:cNvPr>
          <p:cNvSpPr txBox="1"/>
          <p:nvPr/>
        </p:nvSpPr>
        <p:spPr>
          <a:xfrm>
            <a:off x="1232451" y="2047461"/>
            <a:ext cx="7987123" cy="286232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de-DE" dirty="0"/>
              <a:t>Bei detaillierter Suchanfrage, werden die richtigen Textbausteine gefunden</a:t>
            </a:r>
          </a:p>
          <a:p>
            <a:endParaRPr lang="de-DE" dirty="0"/>
          </a:p>
          <a:p>
            <a:endParaRPr lang="de-DE" dirty="0"/>
          </a:p>
          <a:p>
            <a:endParaRPr lang="de-DE" dirty="0"/>
          </a:p>
          <a:p>
            <a:r>
              <a:rPr lang="de-DE" dirty="0"/>
              <a:t>Oft werden zusätzlich zu den richtigen Textbausteinen irrelevante Chunks gefunden</a:t>
            </a:r>
          </a:p>
          <a:p>
            <a:endParaRPr lang="de-DE" dirty="0"/>
          </a:p>
          <a:p>
            <a:r>
              <a:rPr lang="de-DE" dirty="0"/>
              <a:t>Der gesuchte Chunk ist nicht immer an erster Stelle</a:t>
            </a:r>
          </a:p>
          <a:p>
            <a:endParaRPr lang="de-DE" dirty="0"/>
          </a:p>
          <a:p>
            <a:endParaRPr lang="de-DE" dirty="0"/>
          </a:p>
          <a:p>
            <a:r>
              <a:rPr lang="de-DE" dirty="0"/>
              <a:t>Zu kurze Anfragen führen oft zu fehlerhaften oder keinen Ergebnissen</a:t>
            </a:r>
          </a:p>
        </p:txBody>
      </p:sp>
      <p:sp>
        <p:nvSpPr>
          <p:cNvPr id="4" name="Kreuz 3">
            <a:extLst>
              <a:ext uri="{FF2B5EF4-FFF2-40B4-BE49-F238E27FC236}">
                <a16:creationId xmlns:a16="http://schemas.microsoft.com/office/drawing/2014/main" id="{2BE700DB-CB3A-C9F8-AC89-C42B7621F444}"/>
              </a:ext>
            </a:extLst>
          </p:cNvPr>
          <p:cNvSpPr/>
          <p:nvPr/>
        </p:nvSpPr>
        <p:spPr>
          <a:xfrm>
            <a:off x="833440" y="2032947"/>
            <a:ext cx="399011" cy="399011"/>
          </a:xfrm>
          <a:prstGeom prst="plus">
            <a:avLst>
              <a:gd name="adj" fmla="val 40278"/>
            </a:avLst>
          </a:prstGeom>
          <a:solidFill>
            <a:schemeClr val="accent5"/>
          </a:solidFill>
          <a:ln>
            <a:solidFill>
              <a:schemeClr val="accent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6" name="Kreis: nicht ausgefüllt 5">
            <a:extLst>
              <a:ext uri="{FF2B5EF4-FFF2-40B4-BE49-F238E27FC236}">
                <a16:creationId xmlns:a16="http://schemas.microsoft.com/office/drawing/2014/main" id="{9C2D8815-76F4-46F2-834D-46BF2B67A9C0}"/>
              </a:ext>
            </a:extLst>
          </p:cNvPr>
          <p:cNvSpPr/>
          <p:nvPr/>
        </p:nvSpPr>
        <p:spPr>
          <a:xfrm>
            <a:off x="836451" y="3100371"/>
            <a:ext cx="396000" cy="396000"/>
          </a:xfrm>
          <a:prstGeom prst="donut">
            <a:avLst/>
          </a:prstGeom>
          <a:solidFill>
            <a:srgbClr val="FFC000"/>
          </a:solidFill>
          <a:ln>
            <a:solidFill>
              <a:srgbClr val="FFC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>
              <a:solidFill>
                <a:schemeClr val="tx1"/>
              </a:solidFill>
            </a:endParaRPr>
          </a:p>
        </p:txBody>
      </p:sp>
      <p:sp>
        <p:nvSpPr>
          <p:cNvPr id="7" name="Rechteck 6">
            <a:extLst>
              <a:ext uri="{FF2B5EF4-FFF2-40B4-BE49-F238E27FC236}">
                <a16:creationId xmlns:a16="http://schemas.microsoft.com/office/drawing/2014/main" id="{E943EE9C-D0DA-4903-BECC-6F9F3C36B745}"/>
              </a:ext>
            </a:extLst>
          </p:cNvPr>
          <p:cNvSpPr/>
          <p:nvPr/>
        </p:nvSpPr>
        <p:spPr>
          <a:xfrm>
            <a:off x="836451" y="4628881"/>
            <a:ext cx="396000" cy="144000"/>
          </a:xfrm>
          <a:prstGeom prst="rect">
            <a:avLst/>
          </a:prstGeom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85314561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>
          <a:extLst>
            <a:ext uri="{FF2B5EF4-FFF2-40B4-BE49-F238E27FC236}">
              <a16:creationId xmlns:a16="http://schemas.microsoft.com/office/drawing/2014/main" id="{3B6B3ACB-5897-EAC2-0135-BFA66473C34A}"/>
            </a:ext>
          </a:extLst>
        </p:cNvPr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4A716717-64A3-C68E-3858-743DD4E4BA8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Bauplanungsbüro </a:t>
            </a:r>
            <a:r>
              <a:rPr lang="de-DE" dirty="0" err="1"/>
              <a:t>Prusseit</a:t>
            </a:r>
            <a:r>
              <a:rPr lang="de-DE" dirty="0"/>
              <a:t> u. </a:t>
            </a:r>
            <a:r>
              <a:rPr lang="de-DE" dirty="0" err="1"/>
              <a:t>Reiss</a:t>
            </a:r>
            <a:br>
              <a:rPr lang="de-DE" dirty="0"/>
            </a:br>
            <a:r>
              <a:rPr lang="de-DE" dirty="0"/>
              <a:t>Möglichkeiten und Grenzen des Suchwerkzeuges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0D1738DC-900B-5EFC-E3CC-7A61AB2C4CD8}"/>
              </a:ext>
            </a:extLst>
          </p:cNvPr>
          <p:cNvSpPr txBox="1"/>
          <p:nvPr/>
        </p:nvSpPr>
        <p:spPr>
          <a:xfrm>
            <a:off x="1232451" y="2047461"/>
            <a:ext cx="4421531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de-DE" dirty="0"/>
              <a:t>Bei detaillierter Suchanfrage, </a:t>
            </a:r>
          </a:p>
          <a:p>
            <a:r>
              <a:rPr lang="de-DE" dirty="0"/>
              <a:t>werden die richtigen Textbausteine gefunden</a:t>
            </a:r>
          </a:p>
          <a:p>
            <a:endParaRPr lang="de-DE" dirty="0"/>
          </a:p>
        </p:txBody>
      </p:sp>
      <p:sp>
        <p:nvSpPr>
          <p:cNvPr id="4" name="Kreuz 3">
            <a:extLst>
              <a:ext uri="{FF2B5EF4-FFF2-40B4-BE49-F238E27FC236}">
                <a16:creationId xmlns:a16="http://schemas.microsoft.com/office/drawing/2014/main" id="{9C97302F-B7FB-FAFD-01BE-DA80A7C8E23D}"/>
              </a:ext>
            </a:extLst>
          </p:cNvPr>
          <p:cNvSpPr/>
          <p:nvPr/>
        </p:nvSpPr>
        <p:spPr>
          <a:xfrm>
            <a:off x="731837" y="2149059"/>
            <a:ext cx="399011" cy="399011"/>
          </a:xfrm>
          <a:prstGeom prst="plus">
            <a:avLst>
              <a:gd name="adj" fmla="val 40278"/>
            </a:avLst>
          </a:prstGeom>
          <a:solidFill>
            <a:schemeClr val="accent5"/>
          </a:solidFill>
          <a:ln>
            <a:solidFill>
              <a:schemeClr val="accent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F9EFD0BE-E675-D91C-7F0C-D3DDA2B5037F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878285" y="1555424"/>
            <a:ext cx="4974108" cy="5067083"/>
          </a:xfrm>
          <a:prstGeom prst="rect">
            <a:avLst/>
          </a:prstGeom>
        </p:spPr>
      </p:pic>
      <p:sp>
        <p:nvSpPr>
          <p:cNvPr id="7" name="Rechteck: abgerundete Ecken 6">
            <a:extLst>
              <a:ext uri="{FF2B5EF4-FFF2-40B4-BE49-F238E27FC236}">
                <a16:creationId xmlns:a16="http://schemas.microsoft.com/office/drawing/2014/main" id="{33444D3B-8755-7A51-C06E-940F33B52B31}"/>
              </a:ext>
            </a:extLst>
          </p:cNvPr>
          <p:cNvSpPr/>
          <p:nvPr/>
        </p:nvSpPr>
        <p:spPr>
          <a:xfrm>
            <a:off x="5878285" y="3962400"/>
            <a:ext cx="4974108" cy="817060"/>
          </a:xfrm>
          <a:prstGeom prst="roundRect">
            <a:avLst/>
          </a:prstGeom>
          <a:noFill/>
          <a:ln>
            <a:solidFill>
              <a:schemeClr val="accent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9" name="Rechteck: abgerundete Ecken 8">
            <a:extLst>
              <a:ext uri="{FF2B5EF4-FFF2-40B4-BE49-F238E27FC236}">
                <a16:creationId xmlns:a16="http://schemas.microsoft.com/office/drawing/2014/main" id="{C5DA611D-8329-F8B4-13DF-91143E750DA6}"/>
              </a:ext>
            </a:extLst>
          </p:cNvPr>
          <p:cNvSpPr/>
          <p:nvPr/>
        </p:nvSpPr>
        <p:spPr>
          <a:xfrm>
            <a:off x="5878285" y="4862286"/>
            <a:ext cx="4974108" cy="1582056"/>
          </a:xfrm>
          <a:prstGeom prst="roundRect">
            <a:avLst/>
          </a:prstGeom>
          <a:noFill/>
          <a:ln>
            <a:solidFill>
              <a:srgbClr val="FFC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10" name="Kreis: nicht ausgefüllt 9">
            <a:extLst>
              <a:ext uri="{FF2B5EF4-FFF2-40B4-BE49-F238E27FC236}">
                <a16:creationId xmlns:a16="http://schemas.microsoft.com/office/drawing/2014/main" id="{1120B3D0-C902-1BA1-4B08-17E4AAADC444}"/>
              </a:ext>
            </a:extLst>
          </p:cNvPr>
          <p:cNvSpPr/>
          <p:nvPr/>
        </p:nvSpPr>
        <p:spPr>
          <a:xfrm>
            <a:off x="734848" y="3231000"/>
            <a:ext cx="396000" cy="396000"/>
          </a:xfrm>
          <a:prstGeom prst="donut">
            <a:avLst/>
          </a:prstGeom>
          <a:solidFill>
            <a:srgbClr val="FFC000"/>
          </a:solidFill>
          <a:ln>
            <a:solidFill>
              <a:srgbClr val="FFC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>
              <a:solidFill>
                <a:schemeClr val="tx1"/>
              </a:solidFill>
            </a:endParaRPr>
          </a:p>
        </p:txBody>
      </p:sp>
      <p:sp>
        <p:nvSpPr>
          <p:cNvPr id="11" name="Textfeld 10">
            <a:extLst>
              <a:ext uri="{FF2B5EF4-FFF2-40B4-BE49-F238E27FC236}">
                <a16:creationId xmlns:a16="http://schemas.microsoft.com/office/drawing/2014/main" id="{103F70E8-E117-E7C4-6C69-D0E305966BC7}"/>
              </a:ext>
            </a:extLst>
          </p:cNvPr>
          <p:cNvSpPr txBox="1"/>
          <p:nvPr/>
        </p:nvSpPr>
        <p:spPr>
          <a:xfrm>
            <a:off x="1250295" y="3138229"/>
            <a:ext cx="4355551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de-DE" dirty="0"/>
              <a:t>Oft werden zusätzlich zu den richtigen </a:t>
            </a:r>
          </a:p>
          <a:p>
            <a:r>
              <a:rPr lang="de-DE" dirty="0"/>
              <a:t>Textbausteinen irrelevante Chunks gefunden</a:t>
            </a:r>
          </a:p>
          <a:p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185984110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COURSE_TITLE" val="Präsentation1"/>
  <p:tag name="ISPRING_PROJECT_VERSION" val="9.3"/>
  <p:tag name="ISPRING_PROJECT_FOLDER_UPDATED" val="1"/>
  <p:tag name="ISPRING_PRESENTATION_TITLE" val="iSpringSuite_Lernnugget_Vorlage"/>
  <p:tag name="ISPRING_FIRST_PUBLISH" val="1"/>
  <p:tag name="ISPRING_CURRENT_PLAYER_ID" val="universal"/>
  <p:tag name="ISPRING_PLAYERS_CUSTOMIZATION_2" val="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"/>
  <p:tag name="ISPRING_UUID" val="{6F186589-ADE8-473A-BE1B-F665A566DBA6}"/>
  <p:tag name="ISPRING_RESOURCE_FOLDER" val="C:\Users\bauer\Desktop\Vorlage_iSpring_Lernnugget\"/>
  <p:tag name="ISPRING_PRESENTATION_PATH" val="C:\Users\bauer\Desktop\Vorlage_iSpring_Lernnugget.pptx"/>
  <p:tag name="ISPRING_SCREEN_RECS_UPDATED" val="C:\Users\bauer\Desktop\Vorlage_iSpring_Lernnugget\"/>
  <p:tag name="ISPRING_LMS_API_VERSION" val="SCORM 2004 (2nd edition)"/>
  <p:tag name="ISPRING_ULTRA_SCORM_COURSE_ID" val="C31A8516-C555-42D6-A23E-E8240B9FBB0C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0007\uFFFD\uFFFD\uFFFD{6501F239-81E2-4F23-AD38-7E90DA067E2A}&quot;,&quot;\\\\ifw.uni-hannover.de\\daten\\B7-Daten\\01_Mediendesign\\02_Medien\\02_Digital\\Praesentationen\\Zentrumspraesentation&quot;]]"/>
  <p:tag name="ISPRING_PUBLISH_SETTINGS" val="{&quot;commonSettings&quot;:{&quot;webSettings&quot;:{&quot;useMobileViewer&quot;:&quot;T_FALSE&quot;,&quot;format&quot;:&quot;OF_VIDEO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10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RATE_QUIZZES" val="0"/>
  <p:tag name="ISPRING_SCORM_PASSING_SCORE" val="0.00000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50ABED3-3FC6-442A-8D95-CAF088C0072F}:256"/>
</p:tagLst>
</file>

<file path=ppt/theme/theme1.xml><?xml version="1.0" encoding="utf-8"?>
<a:theme xmlns:a="http://schemas.openxmlformats.org/drawingml/2006/main" name="MDZH_Praesentation_Template_24-06-03">
  <a:themeElements>
    <a:clrScheme name="MDZH_CD">
      <a:dk1>
        <a:srgbClr val="000000"/>
      </a:dk1>
      <a:lt1>
        <a:sysClr val="window" lastClr="FFFFFF"/>
      </a:lt1>
      <a:dk2>
        <a:srgbClr val="595959"/>
      </a:dk2>
      <a:lt2>
        <a:srgbClr val="E7E7E7"/>
      </a:lt2>
      <a:accent1>
        <a:srgbClr val="CD0A1E"/>
      </a:accent1>
      <a:accent2>
        <a:srgbClr val="1C81BF"/>
      </a:accent2>
      <a:accent3>
        <a:srgbClr val="144764"/>
      </a:accent3>
      <a:accent4>
        <a:srgbClr val="26B7B7"/>
      </a:accent4>
      <a:accent5>
        <a:srgbClr val="24A178"/>
      </a:accent5>
      <a:accent6>
        <a:srgbClr val="F2F2F2"/>
      </a:accent6>
      <a:hlink>
        <a:srgbClr val="1C81BF"/>
      </a:hlink>
      <a:folHlink>
        <a:srgbClr val="1C81BF"/>
      </a:folHlink>
    </a:clrScheme>
    <a:fontScheme name="Calibri">
      <a:majorFont>
        <a:latin typeface="Calibri" panose="020F0502020204030204"/>
        <a:ea typeface=""/>
        <a:cs typeface=""/>
        <a:font script="Jpan" typeface="メイリオ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メイリオ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MDZH_Praesentation_Template_24-06-03" id="{7A2CCF78-FA7E-4181-A7D3-BC48BBFBBF76}" vid="{9EBDA366-FC82-4C40-BD6E-1DD8E9D49382}"/>
    </a:ext>
  </a:extLst>
</a:theme>
</file>

<file path=ppt/theme/theme2.xml><?xml version="1.0" encoding="utf-8"?>
<a:theme xmlns:a="http://schemas.openxmlformats.org/drawingml/2006/main" name="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23ddcab0-a966-4845-914d-c4a107ab42c2" xsi:nil="true"/>
    <lcf76f155ced4ddcb4097134ff3c332f xmlns="8d4975fd-2504-4294-8096-00674f6a784b">
      <Terms xmlns="http://schemas.microsoft.com/office/infopath/2007/PartnerControls"/>
    </lcf76f155ced4ddcb4097134ff3c332f>
  </documentManagement>
</p:properti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kument" ma:contentTypeID="0x0101003DDF197BBDC1B34EA70DDB8D74504810" ma:contentTypeVersion="17" ma:contentTypeDescription="Ein neues Dokument erstellen." ma:contentTypeScope="" ma:versionID="eff7111c78835bd65e702746b25d8087">
  <xsd:schema xmlns:xsd="http://www.w3.org/2001/XMLSchema" xmlns:xs="http://www.w3.org/2001/XMLSchema" xmlns:p="http://schemas.microsoft.com/office/2006/metadata/properties" xmlns:ns2="8d4975fd-2504-4294-8096-00674f6a784b" xmlns:ns3="23ddcab0-a966-4845-914d-c4a107ab42c2" targetNamespace="http://schemas.microsoft.com/office/2006/metadata/properties" ma:root="true" ma:fieldsID="1d11264b29d278e18c649131782fb49b" ns2:_="" ns3:_="">
    <xsd:import namespace="8d4975fd-2504-4294-8096-00674f6a784b"/>
    <xsd:import namespace="23ddcab0-a966-4845-914d-c4a107ab42c2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AutoKeyPoints" minOccurs="0"/>
                <xsd:element ref="ns2:MediaServiceKeyPoints" minOccurs="0"/>
                <xsd:element ref="ns2:MediaServiceAutoTags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3:SharedWithUsers" minOccurs="0"/>
                <xsd:element ref="ns3:SharedWithDetails" minOccurs="0"/>
                <xsd:element ref="ns2:lcf76f155ced4ddcb4097134ff3c332f" minOccurs="0"/>
                <xsd:element ref="ns3:TaxCatchAll" minOccurs="0"/>
                <xsd:element ref="ns2:MediaServiceDateTaken" minOccurs="0"/>
                <xsd:element ref="ns2:MediaLengthInSeconds" minOccurs="0"/>
                <xsd:element ref="ns2:MediaServiceObjectDetectorVersions" minOccurs="0"/>
                <xsd:element ref="ns2:MediaServiceSearchPropertie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8d4975fd-2504-4294-8096-00674f6a784b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AutoKeyPoints" ma:index="10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11" nillable="true" ma:displayName="KeyPoints" ma:internalName="MediaServiceKeyPoints" ma:readOnly="true">
      <xsd:simpleType>
        <xsd:restriction base="dms:Note">
          <xsd:maxLength value="255"/>
        </xsd:restriction>
      </xsd:simpleType>
    </xsd:element>
    <xsd:element name="MediaServiceAutoTags" ma:index="12" nillable="true" ma:displayName="Tags" ma:internalName="MediaServiceAutoTags" ma:readOnly="true">
      <xsd:simpleType>
        <xsd:restriction base="dms:Text"/>
      </xsd:simple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5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lcf76f155ced4ddcb4097134ff3c332f" ma:index="19" nillable="true" ma:taxonomy="true" ma:internalName="lcf76f155ced4ddcb4097134ff3c332f" ma:taxonomyFieldName="MediaServiceImageTags" ma:displayName="Bildmarkierungen" ma:readOnly="false" ma:fieldId="{5cf76f15-5ced-4ddc-b409-7134ff3c332f}" ma:taxonomyMulti="true" ma:sspId="81d8494a-d8c0-4841-8b95-3c1907ea46f3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DateTaken" ma:index="21" nillable="true" ma:displayName="MediaServiceDateTaken" ma:hidden="true" ma:indexed="true" ma:internalName="MediaServiceDateTaken" ma:readOnly="true">
      <xsd:simpleType>
        <xsd:restriction base="dms:Text"/>
      </xsd:simpleType>
    </xsd:element>
    <xsd:element name="MediaLengthInSeconds" ma:index="22" nillable="true" ma:displayName="MediaLengthInSeconds" ma:hidden="true" ma:internalName="MediaLengthInSeconds" ma:readOnly="true">
      <xsd:simpleType>
        <xsd:restriction base="dms:Unknown"/>
      </xsd:simpleType>
    </xsd:element>
    <xsd:element name="MediaServiceObjectDetectorVersions" ma:index="23" nillable="true" ma:displayName="MediaServiceObjectDetectorVersions" ma:description="" ma:hidden="true" ma:indexed="true" ma:internalName="MediaServiceObjectDetectorVersions" ma:readOnly="true">
      <xsd:simpleType>
        <xsd:restriction base="dms:Text"/>
      </xsd:simpleType>
    </xsd:element>
    <xsd:element name="MediaServiceSearchProperties" ma:index="24" nillable="true" ma:displayName="MediaServiceSearchProperties" ma:hidden="true" ma:internalName="MediaServiceSearchProperties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23ddcab0-a966-4845-914d-c4a107ab42c2" elementFormDefault="qualified">
    <xsd:import namespace="http://schemas.microsoft.com/office/2006/documentManagement/types"/>
    <xsd:import namespace="http://schemas.microsoft.com/office/infopath/2007/PartnerControls"/>
    <xsd:element name="SharedWithUsers" ma:index="16" nillable="true" ma:displayName="Freigegeben für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7" nillable="true" ma:displayName="Freigegeben für - Details" ma:internalName="SharedWithDetails" ma:readOnly="true">
      <xsd:simpleType>
        <xsd:restriction base="dms:Note">
          <xsd:maxLength value="255"/>
        </xsd:restriction>
      </xsd:simpleType>
    </xsd:element>
    <xsd:element name="TaxCatchAll" ma:index="20" nillable="true" ma:displayName="Taxonomy Catch All Column" ma:hidden="true" ma:list="{22d522ba-4e11-49db-810c-6a253732b407}" ma:internalName="TaxCatchAll" ma:showField="CatchAllData" ma:web="23ddcab0-a966-4845-914d-c4a107ab42c2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Inhaltstyp"/>
        <xsd:element ref="dc:title" minOccurs="0" maxOccurs="1" ma:index="4" ma:displayName="Titel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FEB9BBFC-3A65-4859-9A2B-DF7CD61B5DEB}">
  <ds:schemaRefs>
    <ds:schemaRef ds:uri="http://schemas.microsoft.com/office/2006/metadata/properties"/>
    <ds:schemaRef ds:uri="http://schemas.microsoft.com/office/infopath/2007/PartnerControls"/>
    <ds:schemaRef ds:uri="d19148a6-9c14-46dc-b5f8-38518494dfee"/>
    <ds:schemaRef ds:uri="9f381ceb-3cd9-4c82-af15-8bcf472081ec"/>
  </ds:schemaRefs>
</ds:datastoreItem>
</file>

<file path=customXml/itemProps2.xml><?xml version="1.0" encoding="utf-8"?>
<ds:datastoreItem xmlns:ds="http://schemas.openxmlformats.org/officeDocument/2006/customXml" ds:itemID="{53DF9C92-8F13-4EF6-B129-2FDA8CF79272}"/>
</file>

<file path=customXml/itemProps3.xml><?xml version="1.0" encoding="utf-8"?>
<ds:datastoreItem xmlns:ds="http://schemas.openxmlformats.org/officeDocument/2006/customXml" ds:itemID="{74009684-0DA0-45A3-80B3-C7B7BDF4A0E7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0</TotalTime>
  <Words>533</Words>
  <Application>Microsoft Office PowerPoint</Application>
  <PresentationFormat>Breitbild</PresentationFormat>
  <Paragraphs>73</Paragraphs>
  <Slides>12</Slides>
  <Notes>1</Notes>
  <HiddenSlides>0</HiddenSlides>
  <MMClips>0</MMClips>
  <ScaleCrop>false</ScaleCrop>
  <HeadingPairs>
    <vt:vector size="6" baseType="variant">
      <vt:variant>
        <vt:lpstr>Verwendete Schriftarten</vt:lpstr>
      </vt:variant>
      <vt:variant>
        <vt:i4>3</vt:i4>
      </vt:variant>
      <vt:variant>
        <vt:lpstr>Design</vt:lpstr>
      </vt:variant>
      <vt:variant>
        <vt:i4>1</vt:i4>
      </vt:variant>
      <vt:variant>
        <vt:lpstr>Folientitel</vt:lpstr>
      </vt:variant>
      <vt:variant>
        <vt:i4>12</vt:i4>
      </vt:variant>
    </vt:vector>
  </HeadingPairs>
  <TitlesOfParts>
    <vt:vector size="16" baseType="lpstr">
      <vt:lpstr>Arial</vt:lpstr>
      <vt:lpstr>Calibri</vt:lpstr>
      <vt:lpstr>Wingdings</vt:lpstr>
      <vt:lpstr>MDZH_Praesentation_Template_24-06-03</vt:lpstr>
      <vt:lpstr>MDZ-Projekt Prusseit und Reiss</vt:lpstr>
      <vt:lpstr>Bauplanungsbüro Prusseit u. Reiss Vorstellung der Ausschreibungen</vt:lpstr>
      <vt:lpstr>Bauplanungsbüro Prusseit u. Reiss Lösungsansatz</vt:lpstr>
      <vt:lpstr>Bauplanungsbüro Prusseit u. Reiss  Lösungsansatz</vt:lpstr>
      <vt:lpstr>Bauplanungsbüro Prusseit u. Reiss  Lösungsansatz</vt:lpstr>
      <vt:lpstr>Bauplanungsbüro Prusseit u. Reiss  Lösungsansatz</vt:lpstr>
      <vt:lpstr>Bauplanungsbüro Prusseit u. Reiss  Lösungsansatz</vt:lpstr>
      <vt:lpstr>Bauplanungsbüro Prusseit u. Reiss  Möglichkeiten und Grenzen des Suchwerkzeuges</vt:lpstr>
      <vt:lpstr>Bauplanungsbüro Prusseit u. Reiss Möglichkeiten und Grenzen des Suchwerkzeuges</vt:lpstr>
      <vt:lpstr>Bauplanungsbüro Prusseit u. Reiss Möglichkeiten und Grenzen des Suchwerkzeuges</vt:lpstr>
      <vt:lpstr>Bauplanungsbüro Prusseit u. Reiss Möglichkeiten und Grenzen des Suchwerkzeuges</vt:lpstr>
      <vt:lpstr>Bauplanungsbüro Prusseit und Reis Präsentation des Suchwerkzeuges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SpringSuite_Lernnugget_Vorlage</dc:title>
  <dc:creator>Bauer, Sofie</dc:creator>
  <cp:lastModifiedBy>Pappe, Paolo</cp:lastModifiedBy>
  <cp:revision>229</cp:revision>
  <dcterms:created xsi:type="dcterms:W3CDTF">2022-01-05T10:16:55Z</dcterms:created>
  <dcterms:modified xsi:type="dcterms:W3CDTF">2025-01-06T18:18:45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3DDF197BBDC1B34EA70DDB8D74504810</vt:lpwstr>
  </property>
  <property fmtid="{D5CDD505-2E9C-101B-9397-08002B2CF9AE}" pid="3" name="MediaServiceImageTags">
    <vt:lpwstr/>
  </property>
</Properties>
</file>